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3\HP2103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5" uniqueCount="1598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3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9</v>
      </c>
      <c r="E4" s="14">
        <v>178</v>
      </c>
      <c r="F4" s="14">
        <v>179</v>
      </c>
      <c r="G4" s="15">
        <v>35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7</v>
      </c>
      <c r="E5" s="14">
        <v>24</v>
      </c>
      <c r="F5" s="14">
        <v>23</v>
      </c>
      <c r="G5" s="15">
        <v>47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7</v>
      </c>
      <c r="E6" s="14">
        <v>97</v>
      </c>
      <c r="F6" s="14">
        <v>114</v>
      </c>
      <c r="G6" s="15">
        <v>211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1</v>
      </c>
      <c r="E8" s="14">
        <v>24</v>
      </c>
      <c r="F8" s="14">
        <v>24</v>
      </c>
      <c r="G8" s="15">
        <v>48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5</v>
      </c>
      <c r="E9" s="14">
        <v>31</v>
      </c>
      <c r="F9" s="14">
        <v>44</v>
      </c>
      <c r="G9" s="15">
        <v>75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5</v>
      </c>
      <c r="E10" s="14">
        <v>127</v>
      </c>
      <c r="F10" s="14">
        <v>167</v>
      </c>
      <c r="G10" s="15">
        <v>294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5</v>
      </c>
      <c r="E11" s="14">
        <v>187</v>
      </c>
      <c r="F11" s="14">
        <v>220</v>
      </c>
      <c r="G11" s="15">
        <v>407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5</v>
      </c>
      <c r="E12" s="14">
        <v>49</v>
      </c>
      <c r="F12" s="14">
        <v>39</v>
      </c>
      <c r="G12" s="15">
        <v>88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2</v>
      </c>
      <c r="E13" s="14">
        <v>31</v>
      </c>
      <c r="F13" s="14">
        <v>37</v>
      </c>
      <c r="G13" s="15">
        <v>68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8</v>
      </c>
      <c r="E14" s="14">
        <v>69</v>
      </c>
      <c r="F14" s="14">
        <v>80</v>
      </c>
      <c r="G14" s="15">
        <v>149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3</v>
      </c>
      <c r="F15" s="14">
        <v>62</v>
      </c>
      <c r="G15" s="15">
        <v>105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6</v>
      </c>
      <c r="E16" s="14">
        <v>63</v>
      </c>
      <c r="F16" s="14">
        <v>77</v>
      </c>
      <c r="G16" s="15">
        <v>14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4</v>
      </c>
      <c r="E17" s="14">
        <v>109</v>
      </c>
      <c r="F17" s="14">
        <v>113</v>
      </c>
      <c r="G17" s="15">
        <v>222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7</v>
      </c>
      <c r="F18" s="14">
        <v>30</v>
      </c>
      <c r="G18" s="15">
        <v>47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5</v>
      </c>
      <c r="E19" s="14">
        <v>1103</v>
      </c>
      <c r="F19" s="14">
        <v>1271</v>
      </c>
      <c r="G19" s="15">
        <v>237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301</v>
      </c>
      <c r="E20" s="14">
        <v>303</v>
      </c>
      <c r="F20" s="14">
        <v>346</v>
      </c>
      <c r="G20" s="15">
        <v>649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6</v>
      </c>
      <c r="E21" s="14">
        <v>23</v>
      </c>
      <c r="F21" s="14">
        <v>18</v>
      </c>
      <c r="G21" s="15">
        <v>41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7</v>
      </c>
      <c r="E22" s="14">
        <v>37</v>
      </c>
      <c r="F22" s="14">
        <v>42</v>
      </c>
      <c r="G22" s="15">
        <v>79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0</v>
      </c>
      <c r="E23" s="14">
        <v>154</v>
      </c>
      <c r="F23" s="14">
        <v>158</v>
      </c>
      <c r="G23" s="15">
        <v>312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50</v>
      </c>
      <c r="F24" s="14">
        <v>59</v>
      </c>
      <c r="G24" s="15">
        <v>109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24</v>
      </c>
      <c r="E25" s="14">
        <v>231</v>
      </c>
      <c r="F25" s="14">
        <v>234</v>
      </c>
      <c r="G25" s="15">
        <v>465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7</v>
      </c>
      <c r="E26" s="14">
        <v>114</v>
      </c>
      <c r="F26" s="14">
        <v>103</v>
      </c>
      <c r="G26" s="15">
        <v>217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7</v>
      </c>
      <c r="F27" s="14">
        <v>100</v>
      </c>
      <c r="G27" s="15">
        <v>187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0</v>
      </c>
      <c r="E28" s="14">
        <v>157</v>
      </c>
      <c r="F28" s="14">
        <v>144</v>
      </c>
      <c r="G28" s="15">
        <v>301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9</v>
      </c>
      <c r="F29" s="14">
        <v>141</v>
      </c>
      <c r="G29" s="15">
        <v>260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1</v>
      </c>
      <c r="F30" s="14">
        <v>37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3</v>
      </c>
      <c r="E31" s="14">
        <v>72</v>
      </c>
      <c r="F31" s="14">
        <v>90</v>
      </c>
      <c r="G31" s="15">
        <v>162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5</v>
      </c>
      <c r="E32" s="14">
        <v>120</v>
      </c>
      <c r="F32" s="14">
        <v>122</v>
      </c>
      <c r="G32" s="15">
        <v>242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9</v>
      </c>
      <c r="E33" s="14">
        <v>140</v>
      </c>
      <c r="F33" s="14">
        <v>146</v>
      </c>
      <c r="G33" s="15">
        <v>286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4</v>
      </c>
      <c r="E34" s="14">
        <v>92</v>
      </c>
      <c r="F34" s="14">
        <v>112</v>
      </c>
      <c r="G34" s="15">
        <v>204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3</v>
      </c>
      <c r="E35" s="14">
        <v>140</v>
      </c>
      <c r="F35" s="14">
        <v>181</v>
      </c>
      <c r="G35" s="15">
        <v>321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5</v>
      </c>
      <c r="E36" s="14">
        <v>159</v>
      </c>
      <c r="F36" s="14">
        <v>152</v>
      </c>
      <c r="G36" s="15">
        <v>311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1</v>
      </c>
      <c r="E37" s="14">
        <v>191</v>
      </c>
      <c r="F37" s="14">
        <v>209</v>
      </c>
      <c r="G37" s="15">
        <v>400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2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73</v>
      </c>
      <c r="E39" s="14">
        <v>2240</v>
      </c>
      <c r="F39" s="14">
        <v>2401</v>
      </c>
      <c r="G39" s="15">
        <v>4641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7</v>
      </c>
      <c r="E40" s="14">
        <v>144</v>
      </c>
      <c r="F40" s="14">
        <v>162</v>
      </c>
      <c r="G40" s="15">
        <v>306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0</v>
      </c>
      <c r="E41" s="14">
        <v>46</v>
      </c>
      <c r="F41" s="14">
        <v>59</v>
      </c>
      <c r="G41" s="15">
        <v>105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4</v>
      </c>
      <c r="E42" s="14">
        <v>20</v>
      </c>
      <c r="F42" s="14">
        <v>28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2</v>
      </c>
      <c r="F43" s="14">
        <v>57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8</v>
      </c>
      <c r="E44" s="14">
        <v>162</v>
      </c>
      <c r="F44" s="14">
        <v>161</v>
      </c>
      <c r="G44" s="15">
        <v>323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3</v>
      </c>
      <c r="E45" s="14">
        <v>70</v>
      </c>
      <c r="F45" s="14">
        <v>75</v>
      </c>
      <c r="G45" s="15">
        <v>145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4</v>
      </c>
      <c r="E46" s="14">
        <v>78</v>
      </c>
      <c r="F46" s="14">
        <v>92</v>
      </c>
      <c r="G46" s="15">
        <v>170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4</v>
      </c>
      <c r="E47" s="14">
        <v>85</v>
      </c>
      <c r="F47" s="14">
        <v>89</v>
      </c>
      <c r="G47" s="15">
        <v>174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4</v>
      </c>
      <c r="E48" s="14">
        <v>79</v>
      </c>
      <c r="F48" s="14">
        <v>81</v>
      </c>
      <c r="G48" s="15">
        <v>16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0</v>
      </c>
      <c r="F49" s="14">
        <v>77</v>
      </c>
      <c r="G49" s="15">
        <v>137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3</v>
      </c>
      <c r="F50" s="14">
        <v>60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6</v>
      </c>
      <c r="E51" s="14">
        <v>77</v>
      </c>
      <c r="F51" s="14">
        <v>101</v>
      </c>
      <c r="G51" s="15">
        <v>178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9</v>
      </c>
      <c r="E52" s="14">
        <v>96</v>
      </c>
      <c r="F52" s="14">
        <v>99</v>
      </c>
      <c r="G52" s="15">
        <v>195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5</v>
      </c>
      <c r="E53" s="14">
        <v>83</v>
      </c>
      <c r="F53" s="14">
        <v>82</v>
      </c>
      <c r="G53" s="15">
        <v>165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8</v>
      </c>
      <c r="E54" s="14">
        <v>234</v>
      </c>
      <c r="F54" s="14">
        <v>278</v>
      </c>
      <c r="G54" s="15">
        <v>51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76</v>
      </c>
      <c r="E55" s="14">
        <v>1349</v>
      </c>
      <c r="F55" s="14">
        <v>1501</v>
      </c>
      <c r="G55" s="15">
        <v>2850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2</v>
      </c>
      <c r="E56" s="14">
        <v>39</v>
      </c>
      <c r="F56" s="14">
        <v>30</v>
      </c>
      <c r="G56" s="15">
        <v>69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3</v>
      </c>
      <c r="E57" s="14">
        <v>27</v>
      </c>
      <c r="F57" s="14">
        <v>31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9</v>
      </c>
      <c r="E58" s="14">
        <v>35</v>
      </c>
      <c r="F58" s="14">
        <v>47</v>
      </c>
      <c r="G58" s="15">
        <v>82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7</v>
      </c>
      <c r="E59" s="14">
        <v>79</v>
      </c>
      <c r="F59" s="14">
        <v>82</v>
      </c>
      <c r="G59" s="15">
        <v>161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3</v>
      </c>
      <c r="F60" s="14">
        <v>98</v>
      </c>
      <c r="G60" s="15">
        <v>181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6</v>
      </c>
      <c r="E61" s="14">
        <v>54</v>
      </c>
      <c r="F61" s="14">
        <v>60</v>
      </c>
      <c r="G61" s="15">
        <v>114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1</v>
      </c>
      <c r="E62" s="14">
        <v>96</v>
      </c>
      <c r="F62" s="14">
        <v>119</v>
      </c>
      <c r="G62" s="15">
        <v>215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6</v>
      </c>
      <c r="E63" s="14">
        <v>8</v>
      </c>
      <c r="F63" s="14">
        <v>16</v>
      </c>
      <c r="G63" s="15">
        <v>2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5</v>
      </c>
      <c r="E64" s="14">
        <v>32</v>
      </c>
      <c r="F64" s="14">
        <v>30</v>
      </c>
      <c r="G64" s="15">
        <v>62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4</v>
      </c>
      <c r="E65" s="14">
        <v>214</v>
      </c>
      <c r="F65" s="14">
        <v>226</v>
      </c>
      <c r="G65" s="15">
        <v>440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3</v>
      </c>
      <c r="F66" s="14">
        <v>38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9</v>
      </c>
      <c r="E67" s="14">
        <v>37</v>
      </c>
      <c r="F67" s="14">
        <v>47</v>
      </c>
      <c r="G67" s="15">
        <v>84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3</v>
      </c>
      <c r="E68" s="14">
        <v>31</v>
      </c>
      <c r="F68" s="14">
        <v>37</v>
      </c>
      <c r="G68" s="15">
        <v>68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3</v>
      </c>
      <c r="E69" s="14">
        <v>90</v>
      </c>
      <c r="F69" s="14">
        <v>103</v>
      </c>
      <c r="G69" s="15">
        <v>193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6</v>
      </c>
      <c r="E70" s="14">
        <v>848</v>
      </c>
      <c r="F70" s="14">
        <v>964</v>
      </c>
      <c r="G70" s="15">
        <v>1812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89</v>
      </c>
      <c r="E72" s="14">
        <v>229</v>
      </c>
      <c r="F72" s="14">
        <v>288</v>
      </c>
      <c r="G72" s="15">
        <v>517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1</v>
      </c>
      <c r="F73" s="14">
        <v>49</v>
      </c>
      <c r="G73" s="15">
        <v>100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9</v>
      </c>
      <c r="E74" s="14">
        <v>64</v>
      </c>
      <c r="F74" s="14">
        <v>68</v>
      </c>
      <c r="G74" s="15">
        <v>13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5</v>
      </c>
      <c r="E75" s="14">
        <v>91</v>
      </c>
      <c r="F75" s="14">
        <v>109</v>
      </c>
      <c r="G75" s="15">
        <v>200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60</v>
      </c>
      <c r="E76" s="14">
        <v>55</v>
      </c>
      <c r="F76" s="14">
        <v>65</v>
      </c>
      <c r="G76" s="15">
        <v>120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17</v>
      </c>
      <c r="F77" s="14">
        <v>22</v>
      </c>
      <c r="G77" s="15">
        <v>39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4</v>
      </c>
      <c r="E78" s="14">
        <v>97</v>
      </c>
      <c r="F78" s="14">
        <v>104</v>
      </c>
      <c r="G78" s="15">
        <v>201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5</v>
      </c>
      <c r="E79" s="14">
        <v>80</v>
      </c>
      <c r="F79" s="14">
        <v>114</v>
      </c>
      <c r="G79" s="15">
        <v>194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3</v>
      </c>
      <c r="E80" s="14">
        <v>27</v>
      </c>
      <c r="F80" s="14">
        <v>31</v>
      </c>
      <c r="G80" s="15">
        <v>58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4</v>
      </c>
      <c r="E81" s="14">
        <v>134</v>
      </c>
      <c r="F81" s="14">
        <v>139</v>
      </c>
      <c r="G81" s="15">
        <v>273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9</v>
      </c>
      <c r="E82" s="14">
        <v>68</v>
      </c>
      <c r="F82" s="14">
        <v>74</v>
      </c>
      <c r="G82" s="15">
        <v>142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5</v>
      </c>
      <c r="E83" s="14">
        <v>55</v>
      </c>
      <c r="F83" s="14">
        <v>79</v>
      </c>
      <c r="G83" s="15">
        <v>134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100</v>
      </c>
      <c r="E84" s="14">
        <v>78</v>
      </c>
      <c r="F84" s="14">
        <v>102</v>
      </c>
      <c r="G84" s="15">
        <v>180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0</v>
      </c>
      <c r="E85" s="14">
        <v>86</v>
      </c>
      <c r="F85" s="14">
        <v>91</v>
      </c>
      <c r="G85" s="15">
        <v>177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75</v>
      </c>
      <c r="F86" s="14">
        <v>75</v>
      </c>
      <c r="G86" s="15">
        <v>150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6</v>
      </c>
      <c r="E87" s="14">
        <v>80</v>
      </c>
      <c r="F87" s="14">
        <v>80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4</v>
      </c>
      <c r="E88" s="14">
        <v>148</v>
      </c>
      <c r="F88" s="14">
        <v>167</v>
      </c>
      <c r="G88" s="15">
        <v>315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4</v>
      </c>
      <c r="E89" s="14">
        <v>49</v>
      </c>
      <c r="F89" s="14">
        <v>62</v>
      </c>
      <c r="G89" s="15">
        <v>111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3</v>
      </c>
      <c r="E90" s="14">
        <v>64</v>
      </c>
      <c r="F90" s="14">
        <v>61</v>
      </c>
      <c r="G90" s="15">
        <v>125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90</v>
      </c>
      <c r="E91" s="14">
        <v>1571</v>
      </c>
      <c r="F91" s="14">
        <v>1808</v>
      </c>
      <c r="G91" s="15">
        <v>3379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3</v>
      </c>
      <c r="E92" s="14">
        <v>390</v>
      </c>
      <c r="F92" s="14">
        <v>431</v>
      </c>
      <c r="G92" s="15">
        <v>821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2</v>
      </c>
      <c r="E93" s="14">
        <v>157</v>
      </c>
      <c r="F93" s="14">
        <v>172</v>
      </c>
      <c r="G93" s="15">
        <v>329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5</v>
      </c>
      <c r="E94" s="14">
        <v>32</v>
      </c>
      <c r="F94" s="14">
        <v>42</v>
      </c>
      <c r="G94" s="15">
        <v>74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0</v>
      </c>
      <c r="E95" s="14">
        <v>55</v>
      </c>
      <c r="F95" s="14">
        <v>65</v>
      </c>
      <c r="G95" s="15">
        <v>120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4</v>
      </c>
      <c r="E96" s="14">
        <v>46</v>
      </c>
      <c r="F96" s="14">
        <v>51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8</v>
      </c>
      <c r="E97" s="14">
        <v>48</v>
      </c>
      <c r="F97" s="14">
        <v>57</v>
      </c>
      <c r="G97" s="15">
        <v>10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7</v>
      </c>
      <c r="E98" s="14">
        <v>85</v>
      </c>
      <c r="F98" s="14">
        <v>115</v>
      </c>
      <c r="G98" s="15">
        <v>200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2</v>
      </c>
      <c r="E99" s="14">
        <v>62</v>
      </c>
      <c r="F99" s="14">
        <v>70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3</v>
      </c>
      <c r="E100" s="14">
        <v>69</v>
      </c>
      <c r="F100" s="14">
        <v>78</v>
      </c>
      <c r="G100" s="15">
        <v>147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9</v>
      </c>
      <c r="E101" s="14">
        <v>75</v>
      </c>
      <c r="F101" s="14">
        <v>66</v>
      </c>
      <c r="G101" s="15">
        <v>141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09</v>
      </c>
      <c r="F102" s="14">
        <v>127</v>
      </c>
      <c r="G102" s="15">
        <v>236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70</v>
      </c>
      <c r="E103" s="14">
        <v>65</v>
      </c>
      <c r="F103" s="14">
        <v>56</v>
      </c>
      <c r="G103" s="15">
        <v>12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8</v>
      </c>
      <c r="E104" s="14">
        <v>82</v>
      </c>
      <c r="F104" s="14">
        <v>87</v>
      </c>
      <c r="G104" s="15">
        <v>169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1</v>
      </c>
      <c r="E105" s="14">
        <v>119</v>
      </c>
      <c r="F105" s="14">
        <v>105</v>
      </c>
      <c r="G105" s="15">
        <v>224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5</v>
      </c>
      <c r="E106" s="14">
        <v>171</v>
      </c>
      <c r="F106" s="14">
        <v>180</v>
      </c>
      <c r="G106" s="15">
        <v>351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13</v>
      </c>
      <c r="E107" s="14">
        <v>168</v>
      </c>
      <c r="F107" s="14">
        <v>164</v>
      </c>
      <c r="G107" s="15">
        <v>332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9</v>
      </c>
      <c r="E108" s="14">
        <v>275</v>
      </c>
      <c r="F108" s="14">
        <v>280</v>
      </c>
      <c r="G108" s="15">
        <v>555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7</v>
      </c>
      <c r="E109" s="14">
        <v>86</v>
      </c>
      <c r="F109" s="14">
        <v>113</v>
      </c>
      <c r="G109" s="15">
        <v>199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5</v>
      </c>
      <c r="F110" s="14">
        <v>79</v>
      </c>
      <c r="G110" s="15">
        <v>144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7</v>
      </c>
      <c r="E112" s="14">
        <v>127</v>
      </c>
      <c r="F112" s="14">
        <v>88</v>
      </c>
      <c r="G112" s="15">
        <v>215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3</v>
      </c>
      <c r="E113" s="14">
        <v>83</v>
      </c>
      <c r="F113" s="14">
        <v>82</v>
      </c>
      <c r="G113" s="15">
        <v>16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2</v>
      </c>
      <c r="E114" s="14">
        <v>100</v>
      </c>
      <c r="F114" s="14">
        <v>111</v>
      </c>
      <c r="G114" s="15">
        <v>211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4</v>
      </c>
      <c r="E115" s="14">
        <v>64</v>
      </c>
      <c r="F115" s="14">
        <v>88</v>
      </c>
      <c r="G115" s="15">
        <v>152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6</v>
      </c>
      <c r="E116" s="14">
        <v>67</v>
      </c>
      <c r="F116" s="14">
        <v>59</v>
      </c>
      <c r="G116" s="15">
        <v>126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4</v>
      </c>
      <c r="E117" s="14">
        <v>72</v>
      </c>
      <c r="F117" s="14">
        <v>75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0</v>
      </c>
      <c r="E118" s="14">
        <v>49</v>
      </c>
      <c r="F118" s="14">
        <v>50</v>
      </c>
      <c r="G118" s="15">
        <v>99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2</v>
      </c>
      <c r="E119" s="14">
        <v>60</v>
      </c>
      <c r="F119" s="14">
        <v>102</v>
      </c>
      <c r="G119" s="15">
        <v>162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4</v>
      </c>
      <c r="E121" s="14">
        <v>37</v>
      </c>
      <c r="F121" s="14">
        <v>39</v>
      </c>
      <c r="G121" s="15">
        <v>76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82</v>
      </c>
      <c r="E122" s="14">
        <v>2884</v>
      </c>
      <c r="F122" s="14">
        <v>3105</v>
      </c>
      <c r="G122" s="15">
        <v>5989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6</v>
      </c>
      <c r="E123" s="14">
        <v>104</v>
      </c>
      <c r="F123" s="14">
        <v>117</v>
      </c>
      <c r="G123" s="15">
        <v>221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0</v>
      </c>
      <c r="E124" s="14">
        <v>73</v>
      </c>
      <c r="F124" s="14">
        <v>72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70</v>
      </c>
      <c r="E125" s="14">
        <v>145</v>
      </c>
      <c r="F125" s="14">
        <v>158</v>
      </c>
      <c r="G125" s="15">
        <v>303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5</v>
      </c>
      <c r="F126" s="14">
        <v>60</v>
      </c>
      <c r="G126" s="15">
        <v>105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07</v>
      </c>
      <c r="F127" s="14">
        <v>102</v>
      </c>
      <c r="G127" s="15">
        <v>20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6</v>
      </c>
      <c r="E128" s="14">
        <v>72</v>
      </c>
      <c r="F128" s="14">
        <v>74</v>
      </c>
      <c r="G128" s="15">
        <v>146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3</v>
      </c>
      <c r="F129" s="14">
        <v>59</v>
      </c>
      <c r="G129" s="15">
        <v>11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1</v>
      </c>
      <c r="E130" s="14">
        <v>89</v>
      </c>
      <c r="F130" s="14">
        <v>87</v>
      </c>
      <c r="G130" s="15">
        <v>176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6</v>
      </c>
      <c r="E131" s="14">
        <v>98</v>
      </c>
      <c r="F131" s="14">
        <v>100</v>
      </c>
      <c r="G131" s="15">
        <v>198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93</v>
      </c>
      <c r="F132" s="14">
        <v>102</v>
      </c>
      <c r="G132" s="15">
        <v>195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6</v>
      </c>
      <c r="E133" s="14">
        <v>86</v>
      </c>
      <c r="F133" s="14">
        <v>98</v>
      </c>
      <c r="G133" s="15">
        <v>184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7</v>
      </c>
      <c r="E134" s="14">
        <v>106</v>
      </c>
      <c r="F134" s="14">
        <v>101</v>
      </c>
      <c r="G134" s="15">
        <v>207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7</v>
      </c>
      <c r="E135" s="14">
        <v>192</v>
      </c>
      <c r="F135" s="14">
        <v>210</v>
      </c>
      <c r="G135" s="15">
        <v>402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98</v>
      </c>
      <c r="E136" s="14">
        <v>98</v>
      </c>
      <c r="F136" s="14">
        <v>106</v>
      </c>
      <c r="G136" s="15">
        <v>20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69</v>
      </c>
      <c r="F137" s="14">
        <v>73</v>
      </c>
      <c r="G137" s="15">
        <v>142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3</v>
      </c>
      <c r="E138" s="14">
        <v>247</v>
      </c>
      <c r="F138" s="14">
        <v>223</v>
      </c>
      <c r="G138" s="15">
        <v>470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3</v>
      </c>
      <c r="E139" s="14">
        <v>122</v>
      </c>
      <c r="F139" s="14">
        <v>129</v>
      </c>
      <c r="G139" s="15">
        <v>25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5</v>
      </c>
      <c r="E140" s="14">
        <v>202</v>
      </c>
      <c r="F140" s="14">
        <v>219</v>
      </c>
      <c r="G140" s="15">
        <v>421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1</v>
      </c>
      <c r="G141" s="15">
        <v>81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0</v>
      </c>
      <c r="E142" s="14">
        <v>2041</v>
      </c>
      <c r="F142" s="14">
        <v>2131</v>
      </c>
      <c r="G142" s="15">
        <v>4172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9</v>
      </c>
      <c r="E143" s="14">
        <v>43</v>
      </c>
      <c r="F143" s="14">
        <v>45</v>
      </c>
      <c r="G143" s="15">
        <v>88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5</v>
      </c>
      <c r="E144" s="14">
        <v>90</v>
      </c>
      <c r="F144" s="14">
        <v>97</v>
      </c>
      <c r="G144" s="15">
        <v>187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9</v>
      </c>
      <c r="E145" s="14">
        <v>77</v>
      </c>
      <c r="F145" s="14">
        <v>84</v>
      </c>
      <c r="G145" s="15">
        <v>161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8</v>
      </c>
      <c r="F146" s="14">
        <v>63</v>
      </c>
      <c r="G146" s="15">
        <v>111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5</v>
      </c>
      <c r="G147" s="15">
        <v>90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69</v>
      </c>
      <c r="E148" s="14">
        <v>51</v>
      </c>
      <c r="F148" s="14">
        <v>77</v>
      </c>
      <c r="G148" s="15">
        <v>12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39</v>
      </c>
      <c r="E149" s="14">
        <v>36</v>
      </c>
      <c r="F149" s="14">
        <v>41</v>
      </c>
      <c r="G149" s="15">
        <v>7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2</v>
      </c>
      <c r="E150" s="14">
        <v>22</v>
      </c>
      <c r="F150" s="14">
        <v>24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2</v>
      </c>
      <c r="F151" s="14">
        <v>67</v>
      </c>
      <c r="G151" s="15">
        <v>149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73</v>
      </c>
      <c r="E152" s="14">
        <v>166</v>
      </c>
      <c r="F152" s="14">
        <v>181</v>
      </c>
      <c r="G152" s="15">
        <v>347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39</v>
      </c>
      <c r="F153" s="14">
        <v>238</v>
      </c>
      <c r="G153" s="15">
        <v>477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4</v>
      </c>
      <c r="E154" s="14">
        <v>112</v>
      </c>
      <c r="F154" s="14">
        <v>134</v>
      </c>
      <c r="G154" s="15">
        <v>246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0</v>
      </c>
      <c r="E155" s="14">
        <v>63</v>
      </c>
      <c r="F155" s="14">
        <v>53</v>
      </c>
      <c r="G155" s="15">
        <v>116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9</v>
      </c>
      <c r="E156" s="14">
        <v>129</v>
      </c>
      <c r="F156" s="14">
        <v>144</v>
      </c>
      <c r="G156" s="15">
        <v>273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92</v>
      </c>
      <c r="E157" s="14">
        <v>1203</v>
      </c>
      <c r="F157" s="14">
        <v>1293</v>
      </c>
      <c r="G157" s="15">
        <v>2496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9</v>
      </c>
      <c r="E158" s="14">
        <v>131</v>
      </c>
      <c r="F158" s="14">
        <v>140</v>
      </c>
      <c r="G158" s="15">
        <v>271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79</v>
      </c>
      <c r="E159" s="14">
        <v>111</v>
      </c>
      <c r="F159" s="14">
        <v>98</v>
      </c>
      <c r="G159" s="15">
        <v>209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1</v>
      </c>
      <c r="E160" s="14">
        <v>189</v>
      </c>
      <c r="F160" s="14">
        <v>205</v>
      </c>
      <c r="G160" s="15">
        <v>394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6</v>
      </c>
      <c r="G161" s="15">
        <v>100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7</v>
      </c>
      <c r="E162" s="14">
        <v>73</v>
      </c>
      <c r="F162" s="14">
        <v>75</v>
      </c>
      <c r="G162" s="15">
        <v>148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6</v>
      </c>
      <c r="E163" s="14">
        <v>61</v>
      </c>
      <c r="F163" s="14">
        <v>74</v>
      </c>
      <c r="G163" s="15">
        <v>135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7</v>
      </c>
      <c r="E164" s="14">
        <v>34</v>
      </c>
      <c r="F164" s="14">
        <v>42</v>
      </c>
      <c r="G164" s="15">
        <v>76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6</v>
      </c>
      <c r="E165" s="14">
        <v>77</v>
      </c>
      <c r="F165" s="14">
        <v>109</v>
      </c>
      <c r="G165" s="15">
        <v>186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0</v>
      </c>
      <c r="E166" s="14">
        <v>115</v>
      </c>
      <c r="F166" s="14">
        <v>118</v>
      </c>
      <c r="G166" s="15">
        <v>233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2</v>
      </c>
      <c r="E167" s="14">
        <v>72</v>
      </c>
      <c r="F167" s="14">
        <v>72</v>
      </c>
      <c r="G167" s="15">
        <v>144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8</v>
      </c>
      <c r="E168" s="14">
        <v>104</v>
      </c>
      <c r="F168" s="14">
        <v>92</v>
      </c>
      <c r="G168" s="15">
        <v>196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6</v>
      </c>
      <c r="E169" s="14">
        <v>112</v>
      </c>
      <c r="F169" s="14">
        <v>128</v>
      </c>
      <c r="G169" s="15">
        <v>240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7</v>
      </c>
      <c r="E170" s="14">
        <v>68</v>
      </c>
      <c r="F170" s="14">
        <v>70</v>
      </c>
      <c r="G170" s="15">
        <v>138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7</v>
      </c>
      <c r="F171" s="14">
        <v>51</v>
      </c>
      <c r="G171" s="15">
        <v>98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6</v>
      </c>
      <c r="E172" s="14">
        <v>55</v>
      </c>
      <c r="F172" s="14">
        <v>61</v>
      </c>
      <c r="G172" s="15">
        <v>116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0</v>
      </c>
      <c r="E173" s="14">
        <v>107</v>
      </c>
      <c r="F173" s="14">
        <v>86</v>
      </c>
      <c r="G173" s="15">
        <v>193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5</v>
      </c>
      <c r="G174" s="15">
        <v>8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9</v>
      </c>
      <c r="E175" s="14">
        <v>81</v>
      </c>
      <c r="F175" s="14">
        <v>113</v>
      </c>
      <c r="G175" s="15">
        <v>194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2</v>
      </c>
      <c r="E176" s="14">
        <v>61</v>
      </c>
      <c r="F176" s="14">
        <v>89</v>
      </c>
      <c r="G176" s="15">
        <v>15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1</v>
      </c>
      <c r="E177" s="14">
        <v>94</v>
      </c>
      <c r="F177" s="14">
        <v>94</v>
      </c>
      <c r="G177" s="15">
        <v>18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0</v>
      </c>
      <c r="E178" s="14">
        <v>130</v>
      </c>
      <c r="F178" s="14">
        <v>133</v>
      </c>
      <c r="G178" s="15">
        <v>263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8</v>
      </c>
      <c r="E179" s="14">
        <v>52</v>
      </c>
      <c r="F179" s="14">
        <v>55</v>
      </c>
      <c r="G179" s="15">
        <v>107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3</v>
      </c>
      <c r="E180" s="14">
        <v>114</v>
      </c>
      <c r="F180" s="14">
        <v>148</v>
      </c>
      <c r="G180" s="15">
        <v>262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88</v>
      </c>
      <c r="F181" s="14">
        <v>86</v>
      </c>
      <c r="G181" s="15">
        <v>174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9</v>
      </c>
      <c r="E182" s="14">
        <v>103</v>
      </c>
      <c r="F182" s="14">
        <v>112</v>
      </c>
      <c r="G182" s="15">
        <v>215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3</v>
      </c>
      <c r="E183" s="14">
        <v>152</v>
      </c>
      <c r="F183" s="14">
        <v>161</v>
      </c>
      <c r="G183" s="15">
        <v>313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32</v>
      </c>
      <c r="E184" s="14">
        <v>223</v>
      </c>
      <c r="F184" s="14">
        <v>219</v>
      </c>
      <c r="G184" s="15">
        <v>442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9</v>
      </c>
      <c r="E185" s="14">
        <v>126</v>
      </c>
      <c r="F185" s="14">
        <v>145</v>
      </c>
      <c r="G185" s="15">
        <v>271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81</v>
      </c>
      <c r="F186" s="14">
        <v>351</v>
      </c>
      <c r="G186" s="15">
        <v>632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60</v>
      </c>
      <c r="E187" s="14">
        <v>172</v>
      </c>
      <c r="F187" s="14">
        <v>179</v>
      </c>
      <c r="G187" s="15">
        <v>351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19</v>
      </c>
      <c r="E188" s="14">
        <v>3119</v>
      </c>
      <c r="F188" s="14">
        <v>3407</v>
      </c>
      <c r="G188" s="15">
        <v>6526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6</v>
      </c>
      <c r="E189" s="14">
        <v>123</v>
      </c>
      <c r="F189" s="14">
        <v>141</v>
      </c>
      <c r="G189" s="15">
        <v>264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6</v>
      </c>
      <c r="E190" s="14">
        <v>190</v>
      </c>
      <c r="F190" s="14">
        <v>210</v>
      </c>
      <c r="G190" s="15">
        <v>400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1</v>
      </c>
      <c r="E191" s="14">
        <v>275</v>
      </c>
      <c r="F191" s="14">
        <v>291</v>
      </c>
      <c r="G191" s="15">
        <v>56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5</v>
      </c>
      <c r="E192" s="14">
        <v>244</v>
      </c>
      <c r="F192" s="14">
        <v>272</v>
      </c>
      <c r="G192" s="15">
        <v>516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4</v>
      </c>
      <c r="E193" s="14">
        <v>110</v>
      </c>
      <c r="F193" s="14">
        <v>114</v>
      </c>
      <c r="G193" s="15">
        <v>22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0</v>
      </c>
      <c r="F194" s="14">
        <v>34</v>
      </c>
      <c r="G194" s="15">
        <v>64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19</v>
      </c>
      <c r="E195" s="14">
        <v>95</v>
      </c>
      <c r="F195" s="14">
        <v>137</v>
      </c>
      <c r="G195" s="15">
        <v>232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8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8</v>
      </c>
      <c r="E197" s="14">
        <v>228</v>
      </c>
      <c r="F197" s="14">
        <v>248</v>
      </c>
      <c r="G197" s="15">
        <v>476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62</v>
      </c>
      <c r="E198" s="14">
        <v>156</v>
      </c>
      <c r="F198" s="14">
        <v>182</v>
      </c>
      <c r="G198" s="15">
        <v>338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4</v>
      </c>
      <c r="E199" s="14">
        <v>66</v>
      </c>
      <c r="F199" s="14">
        <v>67</v>
      </c>
      <c r="G199" s="15">
        <v>13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1</v>
      </c>
      <c r="E200" s="14">
        <v>108</v>
      </c>
      <c r="F200" s="14">
        <v>135</v>
      </c>
      <c r="G200" s="15">
        <v>243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7</v>
      </c>
      <c r="E201" s="14">
        <v>581</v>
      </c>
      <c r="F201" s="14">
        <v>573</v>
      </c>
      <c r="G201" s="15">
        <v>1154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3</v>
      </c>
      <c r="F202" s="14">
        <v>88</v>
      </c>
      <c r="G202" s="15">
        <v>14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0</v>
      </c>
      <c r="E204" s="14">
        <v>117</v>
      </c>
      <c r="F204" s="14">
        <v>161</v>
      </c>
      <c r="G204" s="15">
        <v>278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1</v>
      </c>
      <c r="E205" s="14">
        <v>503</v>
      </c>
      <c r="F205" s="14">
        <v>550</v>
      </c>
      <c r="G205" s="15">
        <v>1053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0</v>
      </c>
      <c r="E206" s="14">
        <v>520</v>
      </c>
      <c r="F206" s="14">
        <v>586</v>
      </c>
      <c r="G206" s="15">
        <v>1106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2</v>
      </c>
      <c r="E207" s="14">
        <v>225</v>
      </c>
      <c r="F207" s="14">
        <v>229</v>
      </c>
      <c r="G207" s="15">
        <v>454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2</v>
      </c>
      <c r="E208" s="14">
        <v>200</v>
      </c>
      <c r="F208" s="14">
        <v>192</v>
      </c>
      <c r="G208" s="15">
        <v>392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6</v>
      </c>
      <c r="E209" s="14">
        <v>295</v>
      </c>
      <c r="F209" s="14">
        <v>310</v>
      </c>
      <c r="G209" s="15">
        <v>605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8</v>
      </c>
      <c r="E210" s="14">
        <v>35</v>
      </c>
      <c r="F210" s="14">
        <v>40</v>
      </c>
      <c r="G210" s="15">
        <v>7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3</v>
      </c>
      <c r="E211" s="14">
        <v>119</v>
      </c>
      <c r="F211" s="14">
        <v>140</v>
      </c>
      <c r="G211" s="15">
        <v>259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4</v>
      </c>
      <c r="E212" s="14">
        <v>289</v>
      </c>
      <c r="F212" s="14">
        <v>343</v>
      </c>
      <c r="G212" s="15">
        <v>632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20</v>
      </c>
      <c r="F213" s="14">
        <v>228</v>
      </c>
      <c r="G213" s="15">
        <v>448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7</v>
      </c>
      <c r="E214" s="14">
        <v>131</v>
      </c>
      <c r="F214" s="14">
        <v>162</v>
      </c>
      <c r="G214" s="15">
        <v>293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41</v>
      </c>
      <c r="E215" s="14">
        <v>35</v>
      </c>
      <c r="F215" s="14">
        <v>48</v>
      </c>
      <c r="G215" s="15">
        <v>83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9</v>
      </c>
      <c r="E217" s="14">
        <v>282</v>
      </c>
      <c r="F217" s="14">
        <v>295</v>
      </c>
      <c r="G217" s="15">
        <v>577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6</v>
      </c>
      <c r="E218" s="14">
        <v>86</v>
      </c>
      <c r="F218" s="14">
        <v>114</v>
      </c>
      <c r="G218" s="15">
        <v>200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9</v>
      </c>
      <c r="E219" s="14">
        <v>121</v>
      </c>
      <c r="F219" s="14">
        <v>122</v>
      </c>
      <c r="G219" s="15">
        <v>243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5</v>
      </c>
      <c r="E220" s="14">
        <v>61</v>
      </c>
      <c r="F220" s="14">
        <v>71</v>
      </c>
      <c r="G220" s="15">
        <v>132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6</v>
      </c>
      <c r="E221" s="14">
        <v>92</v>
      </c>
      <c r="F221" s="14">
        <v>106</v>
      </c>
      <c r="G221" s="15">
        <v>198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3</v>
      </c>
      <c r="E222" s="14">
        <v>58</v>
      </c>
      <c r="F222" s="14">
        <v>47</v>
      </c>
      <c r="G222" s="15">
        <v>105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37</v>
      </c>
      <c r="E223" s="14">
        <v>5677</v>
      </c>
      <c r="F223" s="14">
        <v>6275</v>
      </c>
      <c r="G223" s="15">
        <v>11952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6</v>
      </c>
      <c r="E224" s="14">
        <v>697</v>
      </c>
      <c r="F224" s="14">
        <v>750</v>
      </c>
      <c r="G224" s="15">
        <v>1447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1</v>
      </c>
      <c r="E225" s="14">
        <v>372</v>
      </c>
      <c r="F225" s="14">
        <v>403</v>
      </c>
      <c r="G225" s="15">
        <v>775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1</v>
      </c>
      <c r="E226" s="14">
        <v>393</v>
      </c>
      <c r="F226" s="14">
        <v>418</v>
      </c>
      <c r="G226" s="15">
        <v>811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8</v>
      </c>
      <c r="E227" s="14">
        <v>363</v>
      </c>
      <c r="F227" s="14">
        <v>382</v>
      </c>
      <c r="G227" s="15">
        <v>745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9</v>
      </c>
      <c r="E228" s="14">
        <v>617</v>
      </c>
      <c r="F228" s="14">
        <v>674</v>
      </c>
      <c r="G228" s="15">
        <v>1291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6</v>
      </c>
      <c r="E229" s="14">
        <v>390</v>
      </c>
      <c r="F229" s="14">
        <v>405</v>
      </c>
      <c r="G229" s="15">
        <v>795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9</v>
      </c>
      <c r="E230" s="14">
        <v>904</v>
      </c>
      <c r="F230" s="14">
        <v>958</v>
      </c>
      <c r="G230" s="15">
        <v>1862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1</v>
      </c>
      <c r="E231" s="14">
        <v>99</v>
      </c>
      <c r="F231" s="14">
        <v>131</v>
      </c>
      <c r="G231" s="15">
        <v>230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6</v>
      </c>
      <c r="E232" s="14">
        <v>174</v>
      </c>
      <c r="F232" s="14">
        <v>171</v>
      </c>
      <c r="G232" s="15">
        <v>345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2</v>
      </c>
      <c r="F233" s="14">
        <v>94</v>
      </c>
      <c r="G233" s="15">
        <v>176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63</v>
      </c>
      <c r="E234" s="14">
        <v>1211</v>
      </c>
      <c r="F234" s="14">
        <v>1283</v>
      </c>
      <c r="G234" s="15">
        <v>2494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3</v>
      </c>
      <c r="E235" s="14">
        <v>666</v>
      </c>
      <c r="F235" s="14">
        <v>711</v>
      </c>
      <c r="G235" s="15">
        <v>1377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8</v>
      </c>
      <c r="E236" s="14">
        <v>368</v>
      </c>
      <c r="F236" s="14">
        <v>400</v>
      </c>
      <c r="G236" s="15">
        <v>768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2</v>
      </c>
      <c r="E237" s="14">
        <v>285</v>
      </c>
      <c r="F237" s="14">
        <v>307</v>
      </c>
      <c r="G237" s="15">
        <v>592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9</v>
      </c>
      <c r="E238" s="14">
        <v>116</v>
      </c>
      <c r="F238" s="14">
        <v>125</v>
      </c>
      <c r="G238" s="15">
        <v>241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9</v>
      </c>
      <c r="E239" s="14">
        <v>538</v>
      </c>
      <c r="F239" s="14">
        <v>531</v>
      </c>
      <c r="G239" s="15">
        <v>1069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1</v>
      </c>
      <c r="F240" s="14">
        <v>30</v>
      </c>
      <c r="G240" s="15">
        <v>5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25</v>
      </c>
      <c r="E241" s="14">
        <v>7296</v>
      </c>
      <c r="F241" s="14">
        <v>7773</v>
      </c>
      <c r="G241" s="15">
        <v>15069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7</v>
      </c>
      <c r="E243" s="14">
        <v>128</v>
      </c>
      <c r="F243" s="14">
        <v>98</v>
      </c>
      <c r="G243" s="15">
        <v>226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6</v>
      </c>
      <c r="F245" s="14">
        <v>46</v>
      </c>
      <c r="G245" s="15">
        <v>72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2</v>
      </c>
      <c r="E246" s="14">
        <v>92</v>
      </c>
      <c r="F246" s="14">
        <v>110</v>
      </c>
      <c r="G246" s="15">
        <v>202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7</v>
      </c>
      <c r="E247" s="14">
        <v>132</v>
      </c>
      <c r="F247" s="14">
        <v>151</v>
      </c>
      <c r="G247" s="15">
        <v>283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4</v>
      </c>
      <c r="G248" s="15">
        <v>22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3</v>
      </c>
      <c r="E249" s="14">
        <v>124</v>
      </c>
      <c r="F249" s="14">
        <v>97</v>
      </c>
      <c r="G249" s="15">
        <v>2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9</v>
      </c>
      <c r="E250" s="14">
        <v>102</v>
      </c>
      <c r="F250" s="14">
        <v>112</v>
      </c>
      <c r="G250" s="15">
        <v>214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6</v>
      </c>
      <c r="E251" s="14">
        <v>139</v>
      </c>
      <c r="F251" s="14">
        <v>170</v>
      </c>
      <c r="G251" s="15">
        <v>309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0</v>
      </c>
      <c r="E252" s="14">
        <v>98</v>
      </c>
      <c r="F252" s="14">
        <v>143</v>
      </c>
      <c r="G252" s="15">
        <v>24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1</v>
      </c>
      <c r="E253" s="14">
        <v>210</v>
      </c>
      <c r="F253" s="14">
        <v>257</v>
      </c>
      <c r="G253" s="15">
        <v>467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8</v>
      </c>
      <c r="E254" s="14">
        <v>81</v>
      </c>
      <c r="F254" s="14">
        <v>85</v>
      </c>
      <c r="G254" s="15">
        <v>166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1</v>
      </c>
      <c r="E255" s="14">
        <v>129</v>
      </c>
      <c r="F255" s="14">
        <v>154</v>
      </c>
      <c r="G255" s="15">
        <v>283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1</v>
      </c>
      <c r="E256" s="14">
        <v>135</v>
      </c>
      <c r="F256" s="14">
        <v>174</v>
      </c>
      <c r="G256" s="15">
        <v>309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8</v>
      </c>
      <c r="E257" s="14">
        <v>109</v>
      </c>
      <c r="F257" s="14">
        <v>106</v>
      </c>
      <c r="G257" s="15">
        <v>21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0</v>
      </c>
      <c r="E258" s="14">
        <v>213</v>
      </c>
      <c r="F258" s="14">
        <v>241</v>
      </c>
      <c r="G258" s="15">
        <v>454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1</v>
      </c>
      <c r="E259" s="14">
        <v>127</v>
      </c>
      <c r="F259" s="14">
        <v>95</v>
      </c>
      <c r="G259" s="15">
        <v>222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9</v>
      </c>
      <c r="E260" s="14">
        <v>146</v>
      </c>
      <c r="F260" s="14">
        <v>152</v>
      </c>
      <c r="G260" s="15">
        <v>298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5</v>
      </c>
      <c r="E261" s="14">
        <v>97</v>
      </c>
      <c r="F261" s="14">
        <v>98</v>
      </c>
      <c r="G261" s="15">
        <v>195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5</v>
      </c>
      <c r="E262" s="14">
        <v>114</v>
      </c>
      <c r="F262" s="14">
        <v>125</v>
      </c>
      <c r="G262" s="15">
        <v>239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3</v>
      </c>
      <c r="E263" s="14">
        <v>136</v>
      </c>
      <c r="F263" s="14">
        <v>165</v>
      </c>
      <c r="G263" s="15">
        <v>301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5</v>
      </c>
      <c r="E264" s="14">
        <v>113</v>
      </c>
      <c r="F264" s="14">
        <v>129</v>
      </c>
      <c r="G264" s="15">
        <v>242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3</v>
      </c>
      <c r="E265" s="14">
        <v>126</v>
      </c>
      <c r="F265" s="14">
        <v>121</v>
      </c>
      <c r="G265" s="15">
        <v>247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6</v>
      </c>
      <c r="E266" s="14">
        <v>80</v>
      </c>
      <c r="F266" s="14">
        <v>96</v>
      </c>
      <c r="G266" s="15">
        <v>17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6</v>
      </c>
      <c r="E267" s="14">
        <v>117</v>
      </c>
      <c r="F267" s="14">
        <v>130</v>
      </c>
      <c r="G267" s="15">
        <v>247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0</v>
      </c>
      <c r="E268" s="14">
        <v>119</v>
      </c>
      <c r="F268" s="14">
        <v>144</v>
      </c>
      <c r="G268" s="15">
        <v>26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0</v>
      </c>
      <c r="E269" s="14">
        <v>162</v>
      </c>
      <c r="F269" s="14">
        <v>201</v>
      </c>
      <c r="G269" s="15">
        <v>363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6</v>
      </c>
      <c r="E270" s="14">
        <v>50</v>
      </c>
      <c r="F270" s="14">
        <v>38</v>
      </c>
      <c r="G270" s="15">
        <v>88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28</v>
      </c>
      <c r="E271" s="14">
        <v>480</v>
      </c>
      <c r="F271" s="14">
        <v>221</v>
      </c>
      <c r="G271" s="15">
        <v>701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8</v>
      </c>
      <c r="E272" s="14">
        <v>255</v>
      </c>
      <c r="F272" s="14">
        <v>263</v>
      </c>
      <c r="G272" s="15">
        <v>518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7</v>
      </c>
      <c r="E273" s="14">
        <v>174</v>
      </c>
      <c r="F273" s="14">
        <v>182</v>
      </c>
      <c r="G273" s="15">
        <v>356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32</v>
      </c>
      <c r="E275" s="14">
        <v>4069</v>
      </c>
      <c r="F275" s="14">
        <v>4167</v>
      </c>
      <c r="G275" s="15">
        <v>8236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3</v>
      </c>
      <c r="E276" s="14">
        <v>484</v>
      </c>
      <c r="F276" s="14">
        <v>459</v>
      </c>
      <c r="G276" s="15">
        <v>943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9</v>
      </c>
      <c r="E277" s="14">
        <v>94</v>
      </c>
      <c r="F277" s="14">
        <v>120</v>
      </c>
      <c r="G277" s="15">
        <v>214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3</v>
      </c>
      <c r="E278" s="14">
        <v>130</v>
      </c>
      <c r="F278" s="14">
        <v>157</v>
      </c>
      <c r="G278" s="15">
        <v>287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5</v>
      </c>
      <c r="E279" s="14">
        <v>35</v>
      </c>
      <c r="F279" s="14">
        <v>36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23</v>
      </c>
      <c r="E280" s="14">
        <v>119</v>
      </c>
      <c r="F280" s="14">
        <v>81</v>
      </c>
      <c r="G280" s="15">
        <v>20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5</v>
      </c>
      <c r="E281" s="14">
        <v>216</v>
      </c>
      <c r="F281" s="14">
        <v>265</v>
      </c>
      <c r="G281" s="15">
        <v>481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5</v>
      </c>
      <c r="E282" s="14">
        <v>332</v>
      </c>
      <c r="F282" s="14">
        <v>371</v>
      </c>
      <c r="G282" s="15">
        <v>703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3</v>
      </c>
      <c r="E283" s="14">
        <v>200</v>
      </c>
      <c r="F283" s="14">
        <v>233</v>
      </c>
      <c r="G283" s="15">
        <v>433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63</v>
      </c>
      <c r="E284" s="14">
        <v>242</v>
      </c>
      <c r="F284" s="14">
        <v>231</v>
      </c>
      <c r="G284" s="15">
        <v>473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2</v>
      </c>
      <c r="E285" s="14">
        <v>183</v>
      </c>
      <c r="F285" s="14">
        <v>220</v>
      </c>
      <c r="G285" s="15">
        <v>403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4</v>
      </c>
      <c r="E286" s="14">
        <v>428</v>
      </c>
      <c r="F286" s="14">
        <v>444</v>
      </c>
      <c r="G286" s="15">
        <v>87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9</v>
      </c>
      <c r="E287" s="14">
        <v>640</v>
      </c>
      <c r="F287" s="14">
        <v>711</v>
      </c>
      <c r="G287" s="15">
        <v>135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00</v>
      </c>
      <c r="E288" s="14">
        <v>522</v>
      </c>
      <c r="F288" s="14">
        <v>614</v>
      </c>
      <c r="G288" s="15">
        <v>1136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13</v>
      </c>
      <c r="E289" s="14">
        <v>334</v>
      </c>
      <c r="F289" s="14">
        <v>289</v>
      </c>
      <c r="G289" s="15">
        <v>623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7</v>
      </c>
      <c r="E290" s="14">
        <v>347</v>
      </c>
      <c r="F290" s="14">
        <v>351</v>
      </c>
      <c r="G290" s="15">
        <v>69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2</v>
      </c>
      <c r="E291" s="14">
        <v>228</v>
      </c>
      <c r="F291" s="14">
        <v>245</v>
      </c>
      <c r="G291" s="15">
        <v>47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96</v>
      </c>
      <c r="E292" s="14">
        <v>206</v>
      </c>
      <c r="F292" s="14">
        <v>207</v>
      </c>
      <c r="G292" s="15">
        <v>41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6</v>
      </c>
      <c r="E293" s="14">
        <v>421</v>
      </c>
      <c r="F293" s="14">
        <v>412</v>
      </c>
      <c r="G293" s="15">
        <v>83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178</v>
      </c>
      <c r="E294" s="14">
        <v>5161</v>
      </c>
      <c r="F294" s="14">
        <v>5446</v>
      </c>
      <c r="G294" s="15">
        <v>10607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7</v>
      </c>
      <c r="E296" s="14">
        <v>478</v>
      </c>
      <c r="F296" s="14">
        <v>506</v>
      </c>
      <c r="G296" s="15">
        <v>984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9</v>
      </c>
      <c r="E297" s="14">
        <v>334</v>
      </c>
      <c r="F297" s="14">
        <v>332</v>
      </c>
      <c r="G297" s="15">
        <v>666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3</v>
      </c>
      <c r="E298" s="14">
        <v>333</v>
      </c>
      <c r="F298" s="14">
        <v>350</v>
      </c>
      <c r="G298" s="15">
        <v>683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6</v>
      </c>
      <c r="E299" s="14">
        <v>308</v>
      </c>
      <c r="F299" s="14">
        <v>316</v>
      </c>
      <c r="G299" s="15">
        <v>624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3</v>
      </c>
      <c r="E300" s="14">
        <v>386</v>
      </c>
      <c r="F300" s="14">
        <v>423</v>
      </c>
      <c r="G300" s="15">
        <v>809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6</v>
      </c>
      <c r="E301" s="14">
        <v>184</v>
      </c>
      <c r="F301" s="14">
        <v>165</v>
      </c>
      <c r="G301" s="15">
        <v>349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3</v>
      </c>
      <c r="E302" s="14">
        <v>58</v>
      </c>
      <c r="F302" s="14">
        <v>72</v>
      </c>
      <c r="G302" s="15">
        <v>130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5</v>
      </c>
      <c r="E303" s="14">
        <v>465</v>
      </c>
      <c r="F303" s="14">
        <v>568</v>
      </c>
      <c r="G303" s="15">
        <v>1033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21</v>
      </c>
      <c r="E304" s="14">
        <v>207</v>
      </c>
      <c r="F304" s="14">
        <v>212</v>
      </c>
      <c r="G304" s="15">
        <v>419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7</v>
      </c>
      <c r="E305" s="14">
        <v>419</v>
      </c>
      <c r="F305" s="14">
        <v>467</v>
      </c>
      <c r="G305" s="15">
        <v>886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9</v>
      </c>
      <c r="E306" s="14">
        <v>303</v>
      </c>
      <c r="F306" s="14">
        <v>332</v>
      </c>
      <c r="G306" s="15">
        <v>635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2</v>
      </c>
      <c r="E307" s="14">
        <v>479</v>
      </c>
      <c r="F307" s="14">
        <v>486</v>
      </c>
      <c r="G307" s="15">
        <v>965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5</v>
      </c>
      <c r="E308" s="14">
        <v>3956</v>
      </c>
      <c r="F308" s="14">
        <v>4232</v>
      </c>
      <c r="G308" s="15">
        <v>8188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9</v>
      </c>
      <c r="E309" s="14">
        <v>778</v>
      </c>
      <c r="F309" s="14">
        <v>847</v>
      </c>
      <c r="G309" s="15">
        <v>1625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8</v>
      </c>
      <c r="E310" s="14">
        <v>208</v>
      </c>
      <c r="F310" s="14">
        <v>202</v>
      </c>
      <c r="G310" s="15">
        <v>410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4</v>
      </c>
      <c r="E311" s="14">
        <v>275</v>
      </c>
      <c r="F311" s="14">
        <v>313</v>
      </c>
      <c r="G311" s="15">
        <v>588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0</v>
      </c>
      <c r="E312" s="14">
        <v>109</v>
      </c>
      <c r="F312" s="14">
        <v>119</v>
      </c>
      <c r="G312" s="15">
        <v>228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5</v>
      </c>
      <c r="E313" s="14">
        <v>87</v>
      </c>
      <c r="F313" s="14">
        <v>101</v>
      </c>
      <c r="G313" s="15">
        <v>188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8</v>
      </c>
      <c r="E314" s="14">
        <v>591</v>
      </c>
      <c r="F314" s="14">
        <v>653</v>
      </c>
      <c r="G314" s="15">
        <v>1244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2</v>
      </c>
      <c r="E315" s="14">
        <v>439</v>
      </c>
      <c r="F315" s="14">
        <v>433</v>
      </c>
      <c r="G315" s="15">
        <v>872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4</v>
      </c>
      <c r="F316" s="14">
        <v>139</v>
      </c>
      <c r="G316" s="15">
        <v>263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6</v>
      </c>
      <c r="F317" s="14">
        <v>63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1</v>
      </c>
      <c r="E318" s="14">
        <v>62</v>
      </c>
      <c r="F318" s="14">
        <v>54</v>
      </c>
      <c r="G318" s="15">
        <v>116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98</v>
      </c>
      <c r="E319" s="14">
        <v>2729</v>
      </c>
      <c r="F319" s="14">
        <v>2924</v>
      </c>
      <c r="G319" s="15">
        <v>5653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8</v>
      </c>
      <c r="E320" s="14">
        <v>140</v>
      </c>
      <c r="F320" s="14">
        <v>116</v>
      </c>
      <c r="G320" s="15">
        <v>256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2</v>
      </c>
      <c r="E321" s="14">
        <v>97</v>
      </c>
      <c r="F321" s="14">
        <v>85</v>
      </c>
      <c r="G321" s="15">
        <v>182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2</v>
      </c>
      <c r="E322" s="14">
        <v>220</v>
      </c>
      <c r="F322" s="14">
        <v>178</v>
      </c>
      <c r="G322" s="15">
        <v>398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1</v>
      </c>
      <c r="E323" s="14">
        <v>178</v>
      </c>
      <c r="F323" s="14">
        <v>158</v>
      </c>
      <c r="G323" s="15">
        <v>336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23</v>
      </c>
      <c r="E324" s="14">
        <v>398</v>
      </c>
      <c r="F324" s="14">
        <v>327</v>
      </c>
      <c r="G324" s="15">
        <v>725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7</v>
      </c>
      <c r="E325" s="14">
        <v>161</v>
      </c>
      <c r="F325" s="14">
        <v>149</v>
      </c>
      <c r="G325" s="15">
        <v>310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61</v>
      </c>
      <c r="E326" s="14">
        <v>217</v>
      </c>
      <c r="F326" s="14">
        <v>196</v>
      </c>
      <c r="G326" s="15">
        <v>413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2</v>
      </c>
      <c r="E327" s="14">
        <v>406</v>
      </c>
      <c r="F327" s="14">
        <v>384</v>
      </c>
      <c r="G327" s="15">
        <v>790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2</v>
      </c>
      <c r="E328" s="14">
        <v>62</v>
      </c>
      <c r="F328" s="14">
        <v>57</v>
      </c>
      <c r="G328" s="15">
        <v>11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3</v>
      </c>
      <c r="E329" s="14">
        <v>437</v>
      </c>
      <c r="F329" s="14">
        <v>354</v>
      </c>
      <c r="G329" s="15">
        <v>791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1</v>
      </c>
      <c r="E330" s="14">
        <v>239</v>
      </c>
      <c r="F330" s="14">
        <v>219</v>
      </c>
      <c r="G330" s="15">
        <v>458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8</v>
      </c>
      <c r="E331" s="14">
        <v>115</v>
      </c>
      <c r="F331" s="14">
        <v>135</v>
      </c>
      <c r="G331" s="15">
        <v>250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4</v>
      </c>
      <c r="E332" s="14">
        <v>59</v>
      </c>
      <c r="F332" s="14">
        <v>73</v>
      </c>
      <c r="G332" s="15">
        <v>132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198</v>
      </c>
      <c r="E333" s="14">
        <v>171</v>
      </c>
      <c r="F333" s="14">
        <v>113</v>
      </c>
      <c r="G333" s="15">
        <v>284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4</v>
      </c>
      <c r="E334" s="14">
        <v>69</v>
      </c>
      <c r="F334" s="14">
        <v>50</v>
      </c>
      <c r="G334" s="15">
        <v>119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5</v>
      </c>
      <c r="E335" s="14">
        <v>51</v>
      </c>
      <c r="F335" s="14">
        <v>49</v>
      </c>
      <c r="G335" s="15">
        <v>100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55</v>
      </c>
      <c r="E336" s="14">
        <v>160</v>
      </c>
      <c r="F336" s="14">
        <v>156</v>
      </c>
      <c r="G336" s="15">
        <v>316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31</v>
      </c>
      <c r="E337" s="14">
        <v>240</v>
      </c>
      <c r="F337" s="14">
        <v>164</v>
      </c>
      <c r="G337" s="15">
        <v>404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8</v>
      </c>
      <c r="E338" s="14">
        <v>233</v>
      </c>
      <c r="F338" s="14">
        <v>209</v>
      </c>
      <c r="G338" s="15">
        <v>442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4</v>
      </c>
      <c r="F339" s="14">
        <v>85</v>
      </c>
      <c r="G339" s="15">
        <v>159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8</v>
      </c>
      <c r="F340" s="14">
        <v>74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4</v>
      </c>
      <c r="F341" s="14">
        <v>38</v>
      </c>
      <c r="G341" s="15">
        <v>72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42</v>
      </c>
      <c r="E342" s="14">
        <v>135</v>
      </c>
      <c r="F342" s="14">
        <v>141</v>
      </c>
      <c r="G342" s="15">
        <v>276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7</v>
      </c>
      <c r="E343" s="14">
        <v>102</v>
      </c>
      <c r="F343" s="14">
        <v>104</v>
      </c>
      <c r="G343" s="15">
        <v>206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7</v>
      </c>
      <c r="E344" s="14">
        <v>163</v>
      </c>
      <c r="F344" s="14">
        <v>154</v>
      </c>
      <c r="G344" s="15">
        <v>317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1</v>
      </c>
      <c r="E345" s="14">
        <v>214</v>
      </c>
      <c r="F345" s="14">
        <v>207</v>
      </c>
      <c r="G345" s="15">
        <v>421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0</v>
      </c>
      <c r="E346" s="14">
        <v>249</v>
      </c>
      <c r="F346" s="14">
        <v>258</v>
      </c>
      <c r="G346" s="15">
        <v>507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6</v>
      </c>
      <c r="E347" s="14">
        <v>140</v>
      </c>
      <c r="F347" s="14">
        <v>124</v>
      </c>
      <c r="G347" s="15">
        <v>264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46</v>
      </c>
      <c r="F348" s="14">
        <v>225</v>
      </c>
      <c r="G348" s="15">
        <v>47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58</v>
      </c>
      <c r="F349" s="14">
        <v>170</v>
      </c>
      <c r="G349" s="15">
        <v>328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390</v>
      </c>
      <c r="E350" s="14">
        <v>5246</v>
      </c>
      <c r="F350" s="14">
        <v>4752</v>
      </c>
      <c r="G350" s="15">
        <v>9998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2</v>
      </c>
      <c r="E351" s="14">
        <v>102</v>
      </c>
      <c r="F351" s="14">
        <v>110</v>
      </c>
      <c r="G351" s="15">
        <v>212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7</v>
      </c>
      <c r="F352" s="14">
        <v>9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91</v>
      </c>
      <c r="G353" s="15">
        <v>164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4</v>
      </c>
      <c r="E354" s="14">
        <v>130</v>
      </c>
      <c r="F354" s="14">
        <v>134</v>
      </c>
      <c r="G354" s="15">
        <v>264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3</v>
      </c>
      <c r="E355" s="14">
        <v>528</v>
      </c>
      <c r="F355" s="14">
        <v>542</v>
      </c>
      <c r="G355" s="15">
        <v>1070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4</v>
      </c>
      <c r="E356" s="14">
        <v>67</v>
      </c>
      <c r="F356" s="14">
        <v>106</v>
      </c>
      <c r="G356" s="15">
        <v>173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0</v>
      </c>
      <c r="E357" s="14">
        <v>44</v>
      </c>
      <c r="F357" s="14">
        <v>83</v>
      </c>
      <c r="G357" s="15">
        <v>127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0</v>
      </c>
      <c r="E358" s="14">
        <v>64</v>
      </c>
      <c r="F358" s="14">
        <v>88</v>
      </c>
      <c r="G358" s="15">
        <v>152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3</v>
      </c>
      <c r="E359" s="14">
        <v>437</v>
      </c>
      <c r="F359" s="14">
        <v>445</v>
      </c>
      <c r="G359" s="15">
        <v>88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7</v>
      </c>
      <c r="E360" s="14">
        <v>124</v>
      </c>
      <c r="F360" s="14">
        <v>155</v>
      </c>
      <c r="G360" s="15">
        <v>279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2</v>
      </c>
      <c r="E361" s="14">
        <v>214</v>
      </c>
      <c r="F361" s="14">
        <v>245</v>
      </c>
      <c r="G361" s="15">
        <v>459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9</v>
      </c>
      <c r="E362" s="14">
        <v>187</v>
      </c>
      <c r="F362" s="14">
        <v>204</v>
      </c>
      <c r="G362" s="15">
        <v>391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1</v>
      </c>
      <c r="E363" s="14">
        <v>1977</v>
      </c>
      <c r="F363" s="14">
        <v>2212</v>
      </c>
      <c r="G363" s="15">
        <v>4189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3</v>
      </c>
      <c r="E364" s="14">
        <v>24</v>
      </c>
      <c r="F364" s="14">
        <v>22</v>
      </c>
      <c r="G364" s="15">
        <v>46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0</v>
      </c>
      <c r="G365" s="15">
        <v>91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7</v>
      </c>
      <c r="E366" s="14">
        <v>28</v>
      </c>
      <c r="F366" s="14">
        <v>41</v>
      </c>
      <c r="G366" s="15">
        <v>69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49</v>
      </c>
      <c r="E368" s="14">
        <v>39</v>
      </c>
      <c r="F368" s="14">
        <v>54</v>
      </c>
      <c r="G368" s="15">
        <v>93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51</v>
      </c>
      <c r="F369" s="14">
        <v>57</v>
      </c>
      <c r="G369" s="15">
        <v>108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2</v>
      </c>
      <c r="E371" s="14">
        <v>62</v>
      </c>
      <c r="F371" s="14">
        <v>85</v>
      </c>
      <c r="G371" s="15">
        <v>14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4</v>
      </c>
      <c r="E372" s="14">
        <v>24</v>
      </c>
      <c r="F372" s="14">
        <v>23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9</v>
      </c>
      <c r="F373" s="14">
        <v>21</v>
      </c>
      <c r="G373" s="15">
        <v>40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3</v>
      </c>
      <c r="E374" s="14">
        <v>40</v>
      </c>
      <c r="F374" s="14">
        <v>52</v>
      </c>
      <c r="G374" s="15">
        <v>9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0</v>
      </c>
      <c r="F376" s="14">
        <v>26</v>
      </c>
      <c r="G376" s="15">
        <v>46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5</v>
      </c>
      <c r="E377" s="14">
        <v>94</v>
      </c>
      <c r="F377" s="14">
        <v>109</v>
      </c>
      <c r="G377" s="15">
        <v>20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1</v>
      </c>
      <c r="E378" s="14">
        <v>101</v>
      </c>
      <c r="F378" s="14">
        <v>119</v>
      </c>
      <c r="G378" s="15">
        <v>220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1</v>
      </c>
      <c r="E379" s="14">
        <v>79</v>
      </c>
      <c r="F379" s="14">
        <v>86</v>
      </c>
      <c r="G379" s="15">
        <v>165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1</v>
      </c>
      <c r="E380" s="14">
        <v>100</v>
      </c>
      <c r="F380" s="14">
        <v>108</v>
      </c>
      <c r="G380" s="15">
        <v>208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3</v>
      </c>
      <c r="F381" s="14">
        <v>31</v>
      </c>
      <c r="G381" s="15">
        <v>5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36</v>
      </c>
      <c r="F383" s="14">
        <v>47</v>
      </c>
      <c r="G383" s="15">
        <v>83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5</v>
      </c>
      <c r="G385" s="15">
        <v>65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9</v>
      </c>
      <c r="E386" s="14">
        <v>42</v>
      </c>
      <c r="F386" s="14">
        <v>63</v>
      </c>
      <c r="G386" s="15">
        <v>105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4</v>
      </c>
      <c r="E387" s="14">
        <v>37</v>
      </c>
      <c r="F387" s="14">
        <v>27</v>
      </c>
      <c r="G387" s="15">
        <v>6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8</v>
      </c>
      <c r="F388" s="14">
        <v>105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6</v>
      </c>
      <c r="E389" s="14">
        <v>82</v>
      </c>
      <c r="F389" s="14">
        <v>90</v>
      </c>
      <c r="G389" s="15">
        <v>172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8</v>
      </c>
      <c r="E390" s="14">
        <v>84</v>
      </c>
      <c r="F390" s="14">
        <v>94</v>
      </c>
      <c r="G390" s="15">
        <v>17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6</v>
      </c>
      <c r="G391" s="15">
        <v>6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0</v>
      </c>
      <c r="E392" s="14">
        <v>110</v>
      </c>
      <c r="F392" s="14">
        <v>99</v>
      </c>
      <c r="G392" s="15">
        <v>209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2</v>
      </c>
      <c r="F393" s="14">
        <v>75</v>
      </c>
      <c r="G393" s="15">
        <v>137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0</v>
      </c>
      <c r="E394" s="14">
        <v>1497</v>
      </c>
      <c r="F394" s="14">
        <v>1698</v>
      </c>
      <c r="G394" s="15">
        <v>3195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0</v>
      </c>
      <c r="E395" s="14">
        <v>67</v>
      </c>
      <c r="F395" s="14">
        <v>70</v>
      </c>
      <c r="G395" s="15">
        <v>137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3</v>
      </c>
      <c r="E396" s="14">
        <v>264</v>
      </c>
      <c r="F396" s="14">
        <v>266</v>
      </c>
      <c r="G396" s="15">
        <v>530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9</v>
      </c>
      <c r="E398" s="14">
        <v>45</v>
      </c>
      <c r="F398" s="14">
        <v>35</v>
      </c>
      <c r="G398" s="15">
        <v>80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3</v>
      </c>
      <c r="E399" s="14">
        <v>36</v>
      </c>
      <c r="F399" s="14">
        <v>30</v>
      </c>
      <c r="G399" s="15">
        <v>66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8</v>
      </c>
      <c r="E400" s="14">
        <v>158</v>
      </c>
      <c r="F400" s="14">
        <v>158</v>
      </c>
      <c r="G400" s="15">
        <v>316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1</v>
      </c>
      <c r="E401" s="14">
        <v>120</v>
      </c>
      <c r="F401" s="14">
        <v>139</v>
      </c>
      <c r="G401" s="15">
        <v>259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9</v>
      </c>
      <c r="E402" s="14">
        <v>295</v>
      </c>
      <c r="F402" s="14">
        <v>336</v>
      </c>
      <c r="G402" s="15">
        <v>631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8</v>
      </c>
      <c r="E403" s="14">
        <v>193</v>
      </c>
      <c r="F403" s="14">
        <v>212</v>
      </c>
      <c r="G403" s="15">
        <v>405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3</v>
      </c>
      <c r="E404" s="14">
        <v>119</v>
      </c>
      <c r="F404" s="14">
        <v>140</v>
      </c>
      <c r="G404" s="15">
        <v>259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5</v>
      </c>
      <c r="E405" s="14">
        <v>362</v>
      </c>
      <c r="F405" s="14">
        <v>355</v>
      </c>
      <c r="G405" s="15">
        <v>717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1</v>
      </c>
      <c r="E406" s="14">
        <v>241</v>
      </c>
      <c r="F406" s="14">
        <v>259</v>
      </c>
      <c r="G406" s="15">
        <v>500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8</v>
      </c>
      <c r="E407" s="14">
        <v>150</v>
      </c>
      <c r="F407" s="14">
        <v>159</v>
      </c>
      <c r="G407" s="15">
        <v>309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1</v>
      </c>
      <c r="E408" s="14">
        <v>132</v>
      </c>
      <c r="F408" s="14">
        <v>138</v>
      </c>
      <c r="G408" s="15">
        <v>270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7</v>
      </c>
      <c r="E409" s="14">
        <v>233</v>
      </c>
      <c r="F409" s="14">
        <v>237</v>
      </c>
      <c r="G409" s="15">
        <v>470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4</v>
      </c>
      <c r="F410" s="14">
        <v>160</v>
      </c>
      <c r="G410" s="15">
        <v>314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3</v>
      </c>
      <c r="E411" s="14">
        <v>218</v>
      </c>
      <c r="F411" s="14">
        <v>207</v>
      </c>
      <c r="G411" s="15">
        <v>425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7</v>
      </c>
      <c r="F412" s="14">
        <v>66</v>
      </c>
      <c r="G412" s="15">
        <v>123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93</v>
      </c>
      <c r="E413" s="14">
        <v>2846</v>
      </c>
      <c r="F413" s="14">
        <v>2969</v>
      </c>
      <c r="G413" s="15">
        <v>5815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4</v>
      </c>
      <c r="E414" s="14">
        <v>414</v>
      </c>
      <c r="F414" s="14">
        <v>449</v>
      </c>
      <c r="G414" s="15">
        <v>863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0</v>
      </c>
      <c r="E415" s="14">
        <v>127</v>
      </c>
      <c r="F415" s="14">
        <v>128</v>
      </c>
      <c r="G415" s="15">
        <v>25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8</v>
      </c>
      <c r="E416" s="14">
        <v>18</v>
      </c>
      <c r="F416" s="14">
        <v>0</v>
      </c>
      <c r="G416" s="15">
        <v>18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2</v>
      </c>
      <c r="E417" s="14">
        <v>61</v>
      </c>
      <c r="F417" s="14">
        <v>65</v>
      </c>
      <c r="G417" s="15">
        <v>126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36</v>
      </c>
      <c r="F418" s="14">
        <v>28</v>
      </c>
      <c r="G418" s="15">
        <v>64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3</v>
      </c>
      <c r="F419" s="14">
        <v>67</v>
      </c>
      <c r="G419" s="15">
        <v>130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2</v>
      </c>
      <c r="E420" s="14">
        <v>284</v>
      </c>
      <c r="F420" s="14">
        <v>273</v>
      </c>
      <c r="G420" s="15">
        <v>557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2</v>
      </c>
      <c r="E421" s="14">
        <v>208</v>
      </c>
      <c r="F421" s="14">
        <v>231</v>
      </c>
      <c r="G421" s="15">
        <v>439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68</v>
      </c>
      <c r="F422" s="14">
        <v>372</v>
      </c>
      <c r="G422" s="15">
        <v>74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73</v>
      </c>
      <c r="E423" s="14">
        <v>181</v>
      </c>
      <c r="F423" s="14">
        <v>167</v>
      </c>
      <c r="G423" s="15">
        <v>348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5</v>
      </c>
      <c r="E424" s="14">
        <v>90</v>
      </c>
      <c r="F424" s="14">
        <v>63</v>
      </c>
      <c r="G424" s="15">
        <v>153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4</v>
      </c>
      <c r="E425" s="14">
        <v>184</v>
      </c>
      <c r="F425" s="14">
        <v>205</v>
      </c>
      <c r="G425" s="15">
        <v>389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307</v>
      </c>
      <c r="F426" s="14">
        <v>324</v>
      </c>
      <c r="G426" s="15">
        <v>631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4</v>
      </c>
      <c r="E427" s="14">
        <v>373</v>
      </c>
      <c r="F427" s="14">
        <v>374</v>
      </c>
      <c r="G427" s="15">
        <v>747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0</v>
      </c>
      <c r="E428" s="14">
        <v>261</v>
      </c>
      <c r="F428" s="14">
        <v>260</v>
      </c>
      <c r="G428" s="15">
        <v>521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4</v>
      </c>
      <c r="E429" s="14">
        <v>162</v>
      </c>
      <c r="F429" s="14">
        <v>170</v>
      </c>
      <c r="G429" s="15">
        <v>332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3</v>
      </c>
      <c r="E430" s="14">
        <v>297</v>
      </c>
      <c r="F430" s="14">
        <v>334</v>
      </c>
      <c r="G430" s="15">
        <v>631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6</v>
      </c>
      <c r="E431" s="14">
        <v>24</v>
      </c>
      <c r="F431" s="14">
        <v>6</v>
      </c>
      <c r="G431" s="15">
        <v>30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6</v>
      </c>
      <c r="E432" s="14">
        <v>320</v>
      </c>
      <c r="F432" s="14">
        <v>329</v>
      </c>
      <c r="G432" s="15">
        <v>649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1</v>
      </c>
      <c r="E433" s="14">
        <v>3778</v>
      </c>
      <c r="F433" s="14">
        <v>3845</v>
      </c>
      <c r="G433" s="15">
        <v>7623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8</v>
      </c>
      <c r="E434" s="14">
        <v>63</v>
      </c>
      <c r="F434" s="14">
        <v>69</v>
      </c>
      <c r="G434" s="15">
        <v>13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2</v>
      </c>
      <c r="E436" s="14">
        <v>75</v>
      </c>
      <c r="F436" s="14">
        <v>85</v>
      </c>
      <c r="G436" s="15">
        <v>16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60</v>
      </c>
      <c r="E437" s="14">
        <v>66</v>
      </c>
      <c r="F437" s="14">
        <v>74</v>
      </c>
      <c r="G437" s="15">
        <v>140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7</v>
      </c>
      <c r="F438" s="14">
        <v>23</v>
      </c>
      <c r="G438" s="15">
        <v>50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5</v>
      </c>
      <c r="E439" s="14">
        <v>63</v>
      </c>
      <c r="F439" s="14">
        <v>75</v>
      </c>
      <c r="G439" s="15">
        <v>138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1</v>
      </c>
      <c r="E440" s="14">
        <v>17</v>
      </c>
      <c r="F440" s="14">
        <v>13</v>
      </c>
      <c r="G440" s="15">
        <v>3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8</v>
      </c>
      <c r="G441" s="15">
        <v>9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0</v>
      </c>
      <c r="E442" s="14">
        <v>87</v>
      </c>
      <c r="F442" s="14">
        <v>94</v>
      </c>
      <c r="G442" s="15">
        <v>181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09</v>
      </c>
      <c r="F443" s="14">
        <v>120</v>
      </c>
      <c r="G443" s="15">
        <v>229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0</v>
      </c>
      <c r="E444" s="14">
        <v>105</v>
      </c>
      <c r="F444" s="14">
        <v>101</v>
      </c>
      <c r="G444" s="15">
        <v>206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77</v>
      </c>
      <c r="E445" s="14">
        <v>81</v>
      </c>
      <c r="F445" s="14">
        <v>89</v>
      </c>
      <c r="G445" s="15">
        <v>170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6</v>
      </c>
      <c r="E446" s="14">
        <v>104</v>
      </c>
      <c r="F446" s="14">
        <v>148</v>
      </c>
      <c r="G446" s="15">
        <v>252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2</v>
      </c>
      <c r="F447" s="14">
        <v>75</v>
      </c>
      <c r="G447" s="15">
        <v>147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8</v>
      </c>
      <c r="E448" s="14">
        <v>108</v>
      </c>
      <c r="F448" s="14">
        <v>126</v>
      </c>
      <c r="G448" s="15">
        <v>234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4</v>
      </c>
      <c r="F449" s="14">
        <v>187</v>
      </c>
      <c r="G449" s="15">
        <v>331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5</v>
      </c>
      <c r="E450" s="14">
        <v>1170</v>
      </c>
      <c r="F450" s="14">
        <v>1327</v>
      </c>
      <c r="G450" s="15">
        <v>2497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2</v>
      </c>
      <c r="E451" s="14">
        <v>65</v>
      </c>
      <c r="F451" s="14">
        <v>80</v>
      </c>
      <c r="G451" s="15">
        <v>145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30</v>
      </c>
      <c r="E452" s="14">
        <v>241</v>
      </c>
      <c r="F452" s="14">
        <v>261</v>
      </c>
      <c r="G452" s="15">
        <v>502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88</v>
      </c>
      <c r="E453" s="14">
        <v>97</v>
      </c>
      <c r="F453" s="14">
        <v>99</v>
      </c>
      <c r="G453" s="15">
        <v>196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41</v>
      </c>
      <c r="F454" s="14">
        <v>44</v>
      </c>
      <c r="G454" s="15">
        <v>85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9</v>
      </c>
      <c r="E456" s="14">
        <v>81</v>
      </c>
      <c r="F456" s="14">
        <v>97</v>
      </c>
      <c r="G456" s="15">
        <v>178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1</v>
      </c>
      <c r="E457" s="14">
        <v>129</v>
      </c>
      <c r="F457" s="14">
        <v>141</v>
      </c>
      <c r="G457" s="15">
        <v>270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7</v>
      </c>
      <c r="E458" s="14">
        <v>146</v>
      </c>
      <c r="F458" s="14">
        <v>155</v>
      </c>
      <c r="G458" s="15">
        <v>30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4</v>
      </c>
      <c r="E459" s="14">
        <v>27</v>
      </c>
      <c r="F459" s="14">
        <v>26</v>
      </c>
      <c r="G459" s="15">
        <v>53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4</v>
      </c>
      <c r="E461" s="14">
        <v>52</v>
      </c>
      <c r="F461" s="14">
        <v>75</v>
      </c>
      <c r="G461" s="15">
        <v>12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2</v>
      </c>
      <c r="E462" s="14">
        <v>47</v>
      </c>
      <c r="F462" s="14">
        <v>70</v>
      </c>
      <c r="G462" s="15">
        <v>117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9</v>
      </c>
      <c r="F463" s="14">
        <v>53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59</v>
      </c>
      <c r="E464" s="14">
        <v>46</v>
      </c>
      <c r="F464" s="14">
        <v>56</v>
      </c>
      <c r="G464" s="15">
        <v>10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59</v>
      </c>
      <c r="E465" s="14">
        <v>68</v>
      </c>
      <c r="F465" s="14">
        <v>75</v>
      </c>
      <c r="G465" s="15">
        <v>14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8</v>
      </c>
      <c r="E466" s="14">
        <v>90</v>
      </c>
      <c r="F466" s="14">
        <v>117</v>
      </c>
      <c r="G466" s="15">
        <v>207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77</v>
      </c>
      <c r="E467" s="14">
        <v>329</v>
      </c>
      <c r="F467" s="14">
        <v>318</v>
      </c>
      <c r="G467" s="15">
        <v>647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3</v>
      </c>
      <c r="F468" s="14">
        <v>105</v>
      </c>
      <c r="G468" s="15">
        <v>198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7</v>
      </c>
      <c r="E469" s="14">
        <v>9</v>
      </c>
      <c r="F469" s="14">
        <v>4</v>
      </c>
      <c r="G469" s="15">
        <v>1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5</v>
      </c>
      <c r="E470" s="14">
        <v>330</v>
      </c>
      <c r="F470" s="14">
        <v>290</v>
      </c>
      <c r="G470" s="15">
        <v>620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65</v>
      </c>
      <c r="E471" s="14">
        <v>1987</v>
      </c>
      <c r="F471" s="14">
        <v>2118</v>
      </c>
      <c r="G471" s="15">
        <v>4105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4</v>
      </c>
      <c r="F472" s="14">
        <v>145</v>
      </c>
      <c r="G472" s="15">
        <v>299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</v>
      </c>
      <c r="E473" s="14">
        <v>34</v>
      </c>
      <c r="F473" s="14">
        <v>35</v>
      </c>
      <c r="G473" s="15">
        <v>69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38</v>
      </c>
      <c r="E474" s="14">
        <v>250</v>
      </c>
      <c r="F474" s="14">
        <v>282</v>
      </c>
      <c r="G474" s="15">
        <v>532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0</v>
      </c>
      <c r="E475" s="14">
        <v>168</v>
      </c>
      <c r="F475" s="14">
        <v>194</v>
      </c>
      <c r="G475" s="15">
        <v>362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2</v>
      </c>
      <c r="G476" s="15">
        <v>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10</v>
      </c>
      <c r="E477" s="14">
        <v>310</v>
      </c>
      <c r="F477" s="14">
        <v>322</v>
      </c>
      <c r="G477" s="15">
        <v>632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6</v>
      </c>
      <c r="E478" s="14">
        <v>41</v>
      </c>
      <c r="F478" s="14">
        <v>53</v>
      </c>
      <c r="G478" s="15">
        <v>94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79</v>
      </c>
      <c r="E479" s="14">
        <v>410</v>
      </c>
      <c r="F479" s="14">
        <v>444</v>
      </c>
      <c r="G479" s="15">
        <v>854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6</v>
      </c>
      <c r="E480" s="14">
        <v>177</v>
      </c>
      <c r="F480" s="14">
        <v>153</v>
      </c>
      <c r="G480" s="15">
        <v>330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7</v>
      </c>
      <c r="E481" s="14">
        <v>90</v>
      </c>
      <c r="F481" s="14">
        <v>99</v>
      </c>
      <c r="G481" s="15">
        <v>189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7</v>
      </c>
      <c r="E482" s="14">
        <v>207</v>
      </c>
      <c r="F482" s="14">
        <v>235</v>
      </c>
      <c r="G482" s="15">
        <v>442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3</v>
      </c>
      <c r="E483" s="14">
        <v>124</v>
      </c>
      <c r="F483" s="14">
        <v>112</v>
      </c>
      <c r="G483" s="15">
        <v>236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64</v>
      </c>
      <c r="E484" s="14">
        <v>174</v>
      </c>
      <c r="F484" s="14">
        <v>190</v>
      </c>
      <c r="G484" s="15">
        <v>364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3</v>
      </c>
      <c r="E485" s="14">
        <v>242</v>
      </c>
      <c r="F485" s="14">
        <v>232</v>
      </c>
      <c r="G485" s="15">
        <v>474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9</v>
      </c>
      <c r="E486" s="14">
        <v>231</v>
      </c>
      <c r="F486" s="14">
        <v>248</v>
      </c>
      <c r="G486" s="15">
        <v>479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04</v>
      </c>
      <c r="E487" s="14">
        <v>232</v>
      </c>
      <c r="F487" s="14">
        <v>239</v>
      </c>
      <c r="G487" s="15">
        <v>471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1</v>
      </c>
      <c r="E488" s="14">
        <v>252</v>
      </c>
      <c r="F488" s="14">
        <v>260</v>
      </c>
      <c r="G488" s="15">
        <v>512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2</v>
      </c>
      <c r="E489" s="14">
        <v>104</v>
      </c>
      <c r="F489" s="14">
        <v>110</v>
      </c>
      <c r="G489" s="15">
        <v>214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1</v>
      </c>
      <c r="E490" s="14">
        <v>139</v>
      </c>
      <c r="F490" s="14">
        <v>149</v>
      </c>
      <c r="G490" s="15">
        <v>288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4</v>
      </c>
      <c r="E491" s="14">
        <v>34</v>
      </c>
      <c r="F491" s="14">
        <v>50</v>
      </c>
      <c r="G491" s="15">
        <v>84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7</v>
      </c>
      <c r="E492" s="14">
        <v>301</v>
      </c>
      <c r="F492" s="14">
        <v>306</v>
      </c>
      <c r="G492" s="15">
        <v>607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31</v>
      </c>
      <c r="E493" s="14">
        <v>154</v>
      </c>
      <c r="F493" s="14">
        <v>164</v>
      </c>
      <c r="G493" s="15">
        <v>318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11</v>
      </c>
      <c r="E494" s="14">
        <v>78</v>
      </c>
      <c r="F494" s="14">
        <v>94</v>
      </c>
      <c r="G494" s="15">
        <v>172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5</v>
      </c>
      <c r="E495" s="14">
        <v>155</v>
      </c>
      <c r="F495" s="14">
        <v>150</v>
      </c>
      <c r="G495" s="15">
        <v>305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8</v>
      </c>
      <c r="E496" s="14">
        <v>162</v>
      </c>
      <c r="F496" s="14">
        <v>163</v>
      </c>
      <c r="G496" s="15">
        <v>325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29</v>
      </c>
      <c r="F497" s="14">
        <v>331</v>
      </c>
      <c r="G497" s="15">
        <v>660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6</v>
      </c>
      <c r="E498" s="14">
        <v>218</v>
      </c>
      <c r="F498" s="14">
        <v>229</v>
      </c>
      <c r="G498" s="15">
        <v>447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8</v>
      </c>
      <c r="E499" s="14">
        <v>205</v>
      </c>
      <c r="F499" s="14">
        <v>209</v>
      </c>
      <c r="G499" s="15">
        <v>414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61</v>
      </c>
      <c r="E500" s="14">
        <v>197</v>
      </c>
      <c r="F500" s="14">
        <v>181</v>
      </c>
      <c r="G500" s="15">
        <v>378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68</v>
      </c>
      <c r="E501" s="14">
        <v>205</v>
      </c>
      <c r="F501" s="14">
        <v>210</v>
      </c>
      <c r="G501" s="15">
        <v>415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8</v>
      </c>
      <c r="E502" s="14">
        <v>186</v>
      </c>
      <c r="F502" s="14">
        <v>227</v>
      </c>
      <c r="G502" s="15">
        <v>413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53</v>
      </c>
      <c r="E503" s="14">
        <v>361</v>
      </c>
      <c r="F503" s="14">
        <v>306</v>
      </c>
      <c r="G503" s="15">
        <v>667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1</v>
      </c>
      <c r="E504" s="14">
        <v>162</v>
      </c>
      <c r="F504" s="14">
        <v>165</v>
      </c>
      <c r="G504" s="15">
        <v>327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5</v>
      </c>
      <c r="E505" s="14">
        <v>181</v>
      </c>
      <c r="F505" s="14">
        <v>226</v>
      </c>
      <c r="G505" s="15">
        <v>407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6</v>
      </c>
      <c r="E506" s="14">
        <v>181</v>
      </c>
      <c r="F506" s="14">
        <v>155</v>
      </c>
      <c r="G506" s="15">
        <v>336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5</v>
      </c>
      <c r="E507" s="14">
        <v>172</v>
      </c>
      <c r="F507" s="14">
        <v>175</v>
      </c>
      <c r="G507" s="15">
        <v>347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6</v>
      </c>
      <c r="E508" s="14">
        <v>396</v>
      </c>
      <c r="F508" s="14">
        <v>404</v>
      </c>
      <c r="G508" s="15">
        <v>800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5</v>
      </c>
      <c r="E509" s="14">
        <v>482</v>
      </c>
      <c r="F509" s="14">
        <v>523</v>
      </c>
      <c r="G509" s="15">
        <v>1005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114</v>
      </c>
      <c r="E510" s="14">
        <v>167</v>
      </c>
      <c r="F510" s="14">
        <v>183</v>
      </c>
      <c r="G510" s="15">
        <v>350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607</v>
      </c>
      <c r="E511" s="14">
        <v>7667</v>
      </c>
      <c r="F511" s="14">
        <v>7955</v>
      </c>
      <c r="G511" s="15">
        <v>15622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9</v>
      </c>
      <c r="E512" s="14">
        <v>195</v>
      </c>
      <c r="F512" s="14">
        <v>195</v>
      </c>
      <c r="G512" s="15">
        <v>390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196</v>
      </c>
      <c r="E513" s="14">
        <v>158</v>
      </c>
      <c r="F513" s="14">
        <v>219</v>
      </c>
      <c r="G513" s="15">
        <v>377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4</v>
      </c>
      <c r="E514" s="14">
        <v>105</v>
      </c>
      <c r="F514" s="14">
        <v>108</v>
      </c>
      <c r="G514" s="15">
        <v>213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93</v>
      </c>
      <c r="E515" s="14">
        <v>322</v>
      </c>
      <c r="F515" s="14">
        <v>347</v>
      </c>
      <c r="G515" s="15">
        <v>669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73</v>
      </c>
      <c r="E516" s="14">
        <v>437</v>
      </c>
      <c r="F516" s="14">
        <v>491</v>
      </c>
      <c r="G516" s="15">
        <v>928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2</v>
      </c>
      <c r="E517" s="14">
        <v>513</v>
      </c>
      <c r="F517" s="14">
        <v>585</v>
      </c>
      <c r="G517" s="15">
        <v>1098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15</v>
      </c>
      <c r="E518" s="14">
        <v>315</v>
      </c>
      <c r="F518" s="14">
        <v>341</v>
      </c>
      <c r="G518" s="15">
        <v>656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78</v>
      </c>
      <c r="E519" s="14">
        <v>185</v>
      </c>
      <c r="F519" s="14">
        <v>203</v>
      </c>
      <c r="G519" s="15">
        <v>388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597</v>
      </c>
      <c r="E520" s="14">
        <v>515</v>
      </c>
      <c r="F520" s="14">
        <v>634</v>
      </c>
      <c r="G520" s="15">
        <v>1149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91</v>
      </c>
      <c r="E521" s="14">
        <v>95</v>
      </c>
      <c r="F521" s="14">
        <v>103</v>
      </c>
      <c r="G521" s="15">
        <v>198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73</v>
      </c>
      <c r="E522" s="14">
        <v>509</v>
      </c>
      <c r="F522" s="14">
        <v>554</v>
      </c>
      <c r="G522" s="15">
        <v>1063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3</v>
      </c>
      <c r="E523" s="14">
        <v>167</v>
      </c>
      <c r="F523" s="14">
        <v>165</v>
      </c>
      <c r="G523" s="15">
        <v>332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2</v>
      </c>
      <c r="E524" s="14">
        <v>19</v>
      </c>
      <c r="F524" s="14">
        <v>23</v>
      </c>
      <c r="G524" s="15">
        <v>42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99</v>
      </c>
      <c r="E525" s="14">
        <v>95</v>
      </c>
      <c r="F525" s="14">
        <v>80</v>
      </c>
      <c r="G525" s="15">
        <v>175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83</v>
      </c>
      <c r="E526" s="14">
        <v>429</v>
      </c>
      <c r="F526" s="14">
        <v>476</v>
      </c>
      <c r="G526" s="15">
        <v>905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200</v>
      </c>
      <c r="E527" s="14">
        <v>185</v>
      </c>
      <c r="F527" s="14">
        <v>188</v>
      </c>
      <c r="G527" s="15">
        <v>373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64</v>
      </c>
      <c r="E528" s="14">
        <v>169</v>
      </c>
      <c r="F528" s="14">
        <v>181</v>
      </c>
      <c r="G528" s="15">
        <v>350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40</v>
      </c>
      <c r="E529" s="14">
        <v>150</v>
      </c>
      <c r="F529" s="14">
        <v>157</v>
      </c>
      <c r="G529" s="15">
        <v>307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42</v>
      </c>
      <c r="E530" s="14">
        <v>4563</v>
      </c>
      <c r="F530" s="14">
        <v>5050</v>
      </c>
      <c r="G530" s="15">
        <v>9613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8</v>
      </c>
      <c r="E531" s="14">
        <v>91</v>
      </c>
      <c r="F531" s="14">
        <v>81</v>
      </c>
      <c r="G531" s="15">
        <v>172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4</v>
      </c>
      <c r="F532" s="14">
        <v>13</v>
      </c>
      <c r="G532" s="15">
        <v>27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75</v>
      </c>
      <c r="E533" s="14">
        <v>89</v>
      </c>
      <c r="F533" s="14">
        <v>81</v>
      </c>
      <c r="G533" s="15">
        <v>170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56</v>
      </c>
      <c r="E534" s="14">
        <v>342</v>
      </c>
      <c r="F534" s="14">
        <v>361</v>
      </c>
      <c r="G534" s="15">
        <v>703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4</v>
      </c>
      <c r="E535" s="14">
        <v>697</v>
      </c>
      <c r="F535" s="14">
        <v>759</v>
      </c>
      <c r="G535" s="15">
        <v>1456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40</v>
      </c>
      <c r="E536" s="14">
        <v>130</v>
      </c>
      <c r="F536" s="14">
        <v>123</v>
      </c>
      <c r="G536" s="15">
        <v>253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9</v>
      </c>
      <c r="E537" s="14">
        <v>6</v>
      </c>
      <c r="F537" s="14">
        <v>4</v>
      </c>
      <c r="G537" s="15">
        <v>10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38</v>
      </c>
      <c r="E538" s="14">
        <v>163</v>
      </c>
      <c r="F538" s="14">
        <v>183</v>
      </c>
      <c r="G538" s="15">
        <v>346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7</v>
      </c>
      <c r="E539" s="14">
        <v>120</v>
      </c>
      <c r="F539" s="14">
        <v>141</v>
      </c>
      <c r="G539" s="15">
        <v>261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31</v>
      </c>
      <c r="E540" s="14">
        <v>151</v>
      </c>
      <c r="F540" s="14">
        <v>167</v>
      </c>
      <c r="G540" s="15">
        <v>318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91</v>
      </c>
      <c r="E541" s="14">
        <v>208</v>
      </c>
      <c r="F541" s="14">
        <v>233</v>
      </c>
      <c r="G541" s="15">
        <v>441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31</v>
      </c>
      <c r="E542" s="14">
        <v>325</v>
      </c>
      <c r="F542" s="14">
        <v>366</v>
      </c>
      <c r="G542" s="15">
        <v>691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61</v>
      </c>
      <c r="E543" s="14">
        <v>56</v>
      </c>
      <c r="F543" s="14">
        <v>45</v>
      </c>
      <c r="G543" s="15">
        <v>101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5</v>
      </c>
      <c r="E544" s="14">
        <v>106</v>
      </c>
      <c r="F544" s="14">
        <v>108</v>
      </c>
      <c r="G544" s="15">
        <v>214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68</v>
      </c>
      <c r="E545" s="14">
        <v>169</v>
      </c>
      <c r="F545" s="14">
        <v>180</v>
      </c>
      <c r="G545" s="15">
        <v>349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8</v>
      </c>
      <c r="E546" s="14">
        <v>260</v>
      </c>
      <c r="F546" s="14">
        <v>276</v>
      </c>
      <c r="G546" s="15">
        <v>536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56</v>
      </c>
      <c r="E547" s="14">
        <v>161</v>
      </c>
      <c r="F547" s="14">
        <v>165</v>
      </c>
      <c r="G547" s="15">
        <v>326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53</v>
      </c>
      <c r="E548" s="14">
        <v>228</v>
      </c>
      <c r="F548" s="14">
        <v>195</v>
      </c>
      <c r="G548" s="15">
        <v>423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93</v>
      </c>
      <c r="E549" s="14">
        <v>78</v>
      </c>
      <c r="F549" s="14">
        <v>72</v>
      </c>
      <c r="G549" s="15">
        <v>150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2</v>
      </c>
      <c r="E550" s="14">
        <v>34</v>
      </c>
      <c r="F550" s="14">
        <v>35</v>
      </c>
      <c r="G550" s="15">
        <v>69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6</v>
      </c>
      <c r="E551" s="14">
        <v>219</v>
      </c>
      <c r="F551" s="14">
        <v>234</v>
      </c>
      <c r="G551" s="15">
        <v>453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82</v>
      </c>
      <c r="E552" s="14">
        <v>96</v>
      </c>
      <c r="F552" s="14">
        <v>89</v>
      </c>
      <c r="G552" s="15">
        <v>185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1</v>
      </c>
      <c r="E553" s="14">
        <v>280</v>
      </c>
      <c r="F553" s="14">
        <v>318</v>
      </c>
      <c r="G553" s="15">
        <v>598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8</v>
      </c>
      <c r="E554" s="14">
        <v>261</v>
      </c>
      <c r="F554" s="14">
        <v>261</v>
      </c>
      <c r="G554" s="15">
        <v>522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71</v>
      </c>
      <c r="E555" s="14">
        <v>144</v>
      </c>
      <c r="F555" s="14">
        <v>171</v>
      </c>
      <c r="G555" s="15">
        <v>315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9</v>
      </c>
      <c r="E557" s="14">
        <v>40</v>
      </c>
      <c r="F557" s="14">
        <v>40</v>
      </c>
      <c r="G557" s="15">
        <v>80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72</v>
      </c>
      <c r="E558" s="14">
        <v>80</v>
      </c>
      <c r="F558" s="14">
        <v>88</v>
      </c>
      <c r="G558" s="15">
        <v>168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7</v>
      </c>
      <c r="E559" s="14">
        <v>121</v>
      </c>
      <c r="F559" s="14">
        <v>132</v>
      </c>
      <c r="G559" s="15">
        <v>253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7</v>
      </c>
      <c r="E560" s="14">
        <v>73</v>
      </c>
      <c r="F560" s="14">
        <v>91</v>
      </c>
      <c r="G560" s="15">
        <v>164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6</v>
      </c>
      <c r="E561" s="14">
        <v>205</v>
      </c>
      <c r="F561" s="14">
        <v>217</v>
      </c>
      <c r="G561" s="15">
        <v>422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38</v>
      </c>
      <c r="E562" s="14">
        <v>648</v>
      </c>
      <c r="F562" s="14">
        <v>700</v>
      </c>
      <c r="G562" s="15">
        <v>1348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5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7</v>
      </c>
      <c r="E564" s="14">
        <v>50</v>
      </c>
      <c r="F564" s="14">
        <v>64</v>
      </c>
      <c r="G564" s="15">
        <v>114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7</v>
      </c>
      <c r="E565" s="14">
        <v>443</v>
      </c>
      <c r="F565" s="14">
        <v>419</v>
      </c>
      <c r="G565" s="15">
        <v>862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706</v>
      </c>
      <c r="E566" s="14">
        <v>6093</v>
      </c>
      <c r="F566" s="14">
        <v>6416</v>
      </c>
      <c r="G566" s="15">
        <v>12509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291</v>
      </c>
      <c r="E567" s="14">
        <v>345</v>
      </c>
      <c r="F567" s="14">
        <v>327</v>
      </c>
      <c r="G567" s="15">
        <v>672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8</v>
      </c>
      <c r="F568" s="14">
        <v>112</v>
      </c>
      <c r="G568" s="15">
        <v>190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8</v>
      </c>
      <c r="E569" s="14">
        <v>219</v>
      </c>
      <c r="F569" s="14">
        <v>236</v>
      </c>
      <c r="G569" s="15">
        <v>455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11</v>
      </c>
      <c r="E570" s="14">
        <v>385</v>
      </c>
      <c r="F570" s="14">
        <v>391</v>
      </c>
      <c r="G570" s="15">
        <v>776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30</v>
      </c>
      <c r="E571" s="14">
        <v>939</v>
      </c>
      <c r="F571" s="14">
        <v>947</v>
      </c>
      <c r="G571" s="15">
        <v>1886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33</v>
      </c>
      <c r="E572" s="14">
        <v>421</v>
      </c>
      <c r="F572" s="14">
        <v>386</v>
      </c>
      <c r="G572" s="15">
        <v>807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84</v>
      </c>
      <c r="E573" s="14">
        <v>361</v>
      </c>
      <c r="F573" s="14">
        <v>372</v>
      </c>
      <c r="G573" s="15">
        <v>733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4</v>
      </c>
      <c r="E574" s="14">
        <v>94</v>
      </c>
      <c r="F574" s="14">
        <v>154</v>
      </c>
      <c r="G574" s="15">
        <v>248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6</v>
      </c>
      <c r="E575" s="14">
        <v>123</v>
      </c>
      <c r="F575" s="14">
        <v>136</v>
      </c>
      <c r="G575" s="15">
        <v>259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52</v>
      </c>
      <c r="E576" s="14">
        <v>65</v>
      </c>
      <c r="F576" s="14">
        <v>60</v>
      </c>
      <c r="G576" s="15">
        <v>125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15</v>
      </c>
      <c r="E577" s="14">
        <v>1709</v>
      </c>
      <c r="F577" s="14">
        <v>1761</v>
      </c>
      <c r="G577" s="15">
        <v>3470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08</v>
      </c>
      <c r="E578" s="14">
        <v>135</v>
      </c>
      <c r="F578" s="14">
        <v>133</v>
      </c>
      <c r="G578" s="15">
        <v>268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5</v>
      </c>
      <c r="E579" s="14">
        <v>252</v>
      </c>
      <c r="F579" s="14">
        <v>291</v>
      </c>
      <c r="G579" s="15">
        <v>543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8</v>
      </c>
      <c r="E580" s="14">
        <v>282</v>
      </c>
      <c r="F580" s="14">
        <v>304</v>
      </c>
      <c r="G580" s="15">
        <v>586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78</v>
      </c>
      <c r="E581" s="14">
        <v>77</v>
      </c>
      <c r="F581" s="14">
        <v>91</v>
      </c>
      <c r="G581" s="15">
        <v>168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1</v>
      </c>
      <c r="E582" s="14">
        <v>122</v>
      </c>
      <c r="F582" s="14">
        <v>128</v>
      </c>
      <c r="G582" s="15">
        <v>250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6</v>
      </c>
      <c r="E583" s="14">
        <v>102</v>
      </c>
      <c r="F583" s="14">
        <v>116</v>
      </c>
      <c r="G583" s="15">
        <v>218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7</v>
      </c>
      <c r="E584" s="14">
        <v>102</v>
      </c>
      <c r="F584" s="14">
        <v>119</v>
      </c>
      <c r="G584" s="15">
        <v>221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51</v>
      </c>
      <c r="E585" s="14">
        <v>173</v>
      </c>
      <c r="F585" s="14">
        <v>184</v>
      </c>
      <c r="G585" s="15">
        <v>357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8</v>
      </c>
      <c r="E586" s="14">
        <v>331</v>
      </c>
      <c r="F586" s="14">
        <v>300</v>
      </c>
      <c r="G586" s="15">
        <v>631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6</v>
      </c>
      <c r="E587" s="14">
        <v>79</v>
      </c>
      <c r="F587" s="14">
        <v>76</v>
      </c>
      <c r="G587" s="15">
        <v>155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66</v>
      </c>
      <c r="E588" s="14">
        <v>753</v>
      </c>
      <c r="F588" s="14">
        <v>787</v>
      </c>
      <c r="G588" s="15">
        <v>1540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2</v>
      </c>
      <c r="E589" s="14">
        <v>35</v>
      </c>
      <c r="F589" s="14">
        <v>48</v>
      </c>
      <c r="G589" s="15">
        <v>83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6</v>
      </c>
      <c r="E590" s="14">
        <v>78</v>
      </c>
      <c r="F590" s="14">
        <v>127</v>
      </c>
      <c r="G590" s="15">
        <v>205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98</v>
      </c>
      <c r="E591" s="14">
        <v>121</v>
      </c>
      <c r="F591" s="14">
        <v>127</v>
      </c>
      <c r="G591" s="15">
        <v>248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4</v>
      </c>
      <c r="E592" s="14">
        <v>88</v>
      </c>
      <c r="F592" s="14">
        <v>96</v>
      </c>
      <c r="G592" s="15">
        <v>184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8</v>
      </c>
      <c r="E593" s="14">
        <v>80</v>
      </c>
      <c r="F593" s="14">
        <v>68</v>
      </c>
      <c r="G593" s="15">
        <v>148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3</v>
      </c>
      <c r="E594" s="14">
        <v>244</v>
      </c>
      <c r="F594" s="14">
        <v>249</v>
      </c>
      <c r="G594" s="15">
        <v>493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1</v>
      </c>
      <c r="E595" s="14">
        <v>122</v>
      </c>
      <c r="F595" s="14">
        <v>133</v>
      </c>
      <c r="G595" s="15">
        <v>255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85</v>
      </c>
      <c r="E596" s="14">
        <v>7915</v>
      </c>
      <c r="F596" s="14">
        <v>8259</v>
      </c>
      <c r="G596" s="15">
        <v>16174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7</v>
      </c>
      <c r="E597" s="14">
        <v>167</v>
      </c>
      <c r="F597" s="14">
        <v>147</v>
      </c>
      <c r="G597" s="15">
        <v>314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5</v>
      </c>
      <c r="E598" s="14">
        <v>182</v>
      </c>
      <c r="F598" s="14">
        <v>267</v>
      </c>
      <c r="G598" s="15">
        <v>449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77</v>
      </c>
      <c r="E599" s="14">
        <v>42</v>
      </c>
      <c r="F599" s="14">
        <v>76</v>
      </c>
      <c r="G599" s="15">
        <v>118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91</v>
      </c>
      <c r="E600" s="14">
        <v>1684</v>
      </c>
      <c r="F600" s="14">
        <v>1773</v>
      </c>
      <c r="G600" s="15">
        <v>3457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0</v>
      </c>
      <c r="E601" s="14">
        <v>58</v>
      </c>
      <c r="F601" s="14">
        <v>84</v>
      </c>
      <c r="G601" s="15">
        <v>142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72</v>
      </c>
      <c r="E602" s="14">
        <v>179</v>
      </c>
      <c r="F602" s="14">
        <v>188</v>
      </c>
      <c r="G602" s="15">
        <v>367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74</v>
      </c>
      <c r="E603" s="14">
        <v>905</v>
      </c>
      <c r="F603" s="14">
        <v>956</v>
      </c>
      <c r="G603" s="15">
        <v>1861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710</v>
      </c>
      <c r="E604" s="14">
        <v>749</v>
      </c>
      <c r="F604" s="14">
        <v>758</v>
      </c>
      <c r="G604" s="15">
        <v>1507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6</v>
      </c>
      <c r="E605" s="14">
        <v>85</v>
      </c>
      <c r="F605" s="14">
        <v>75</v>
      </c>
      <c r="G605" s="15">
        <v>160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53</v>
      </c>
      <c r="E606" s="14">
        <v>230</v>
      </c>
      <c r="F606" s="14">
        <v>234</v>
      </c>
      <c r="G606" s="15">
        <v>464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18</v>
      </c>
      <c r="E607" s="14">
        <v>314</v>
      </c>
      <c r="F607" s="14">
        <v>316</v>
      </c>
      <c r="G607" s="15">
        <v>630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73</v>
      </c>
      <c r="E608" s="14">
        <v>153</v>
      </c>
      <c r="F608" s="14">
        <v>276</v>
      </c>
      <c r="G608" s="15">
        <v>429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0</v>
      </c>
      <c r="F610" s="14">
        <v>16</v>
      </c>
      <c r="G610" s="15">
        <v>26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39</v>
      </c>
      <c r="E611" s="14">
        <v>39</v>
      </c>
      <c r="F611" s="14">
        <v>41</v>
      </c>
      <c r="G611" s="15">
        <v>80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45</v>
      </c>
      <c r="E612" s="14">
        <v>330</v>
      </c>
      <c r="F612" s="14">
        <v>363</v>
      </c>
      <c r="G612" s="15">
        <v>693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8</v>
      </c>
      <c r="E613" s="14">
        <v>372</v>
      </c>
      <c r="F613" s="14">
        <v>382</v>
      </c>
      <c r="G613" s="15">
        <v>754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40</v>
      </c>
      <c r="E614" s="14">
        <v>138</v>
      </c>
      <c r="F614" s="14">
        <v>147</v>
      </c>
      <c r="G614" s="15">
        <v>285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653</v>
      </c>
      <c r="E615" s="14">
        <v>5638</v>
      </c>
      <c r="F615" s="14">
        <v>6101</v>
      </c>
      <c r="G615" s="15">
        <v>11739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4</v>
      </c>
      <c r="E616" s="14">
        <v>79</v>
      </c>
      <c r="F616" s="14">
        <v>89</v>
      </c>
      <c r="G616" s="15">
        <v>168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4</v>
      </c>
      <c r="E617" s="14">
        <v>58</v>
      </c>
      <c r="F617" s="14">
        <v>60</v>
      </c>
      <c r="G617" s="15">
        <v>118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3</v>
      </c>
      <c r="E618" s="14">
        <v>60</v>
      </c>
      <c r="F618" s="14">
        <v>65</v>
      </c>
      <c r="G618" s="15">
        <v>125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30</v>
      </c>
      <c r="E619" s="14">
        <v>916</v>
      </c>
      <c r="F619" s="14">
        <v>916</v>
      </c>
      <c r="G619" s="15">
        <v>1832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6</v>
      </c>
      <c r="E620" s="14">
        <v>491</v>
      </c>
      <c r="F620" s="14">
        <v>517</v>
      </c>
      <c r="G620" s="15">
        <v>1008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5</v>
      </c>
      <c r="E621" s="14">
        <v>315</v>
      </c>
      <c r="F621" s="14">
        <v>326</v>
      </c>
      <c r="G621" s="15">
        <v>641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91</v>
      </c>
      <c r="E622" s="14">
        <v>765</v>
      </c>
      <c r="F622" s="14">
        <v>797</v>
      </c>
      <c r="G622" s="15">
        <v>1562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3</v>
      </c>
      <c r="E623" s="14">
        <v>102</v>
      </c>
      <c r="F623" s="14">
        <v>105</v>
      </c>
      <c r="G623" s="15">
        <v>207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2</v>
      </c>
      <c r="E624" s="14">
        <v>28</v>
      </c>
      <c r="F624" s="14">
        <v>21</v>
      </c>
      <c r="G624" s="15">
        <v>49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61</v>
      </c>
      <c r="E625" s="14">
        <v>199</v>
      </c>
      <c r="F625" s="14">
        <v>250</v>
      </c>
      <c r="G625" s="15">
        <v>449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3</v>
      </c>
      <c r="E626" s="14">
        <v>19</v>
      </c>
      <c r="F626" s="14">
        <v>21</v>
      </c>
      <c r="G626" s="15">
        <v>40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22</v>
      </c>
      <c r="E627" s="14">
        <v>139</v>
      </c>
      <c r="F627" s="14">
        <v>139</v>
      </c>
      <c r="G627" s="15">
        <v>278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4</v>
      </c>
      <c r="E628" s="14">
        <v>78</v>
      </c>
      <c r="F628" s="14">
        <v>100</v>
      </c>
      <c r="G628" s="15">
        <v>178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1</v>
      </c>
      <c r="E629" s="14">
        <v>78</v>
      </c>
      <c r="F629" s="14">
        <v>105</v>
      </c>
      <c r="G629" s="15">
        <v>183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22</v>
      </c>
      <c r="E630" s="14">
        <v>125</v>
      </c>
      <c r="F630" s="14">
        <v>138</v>
      </c>
      <c r="G630" s="15">
        <v>263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11</v>
      </c>
      <c r="E631" s="14">
        <v>1033</v>
      </c>
      <c r="F631" s="14">
        <v>1142</v>
      </c>
      <c r="G631" s="15">
        <v>2175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9</v>
      </c>
      <c r="E632" s="14">
        <v>299</v>
      </c>
      <c r="F632" s="14">
        <v>297</v>
      </c>
      <c r="G632" s="15">
        <v>596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21</v>
      </c>
      <c r="E633" s="14">
        <v>596</v>
      </c>
      <c r="F633" s="14">
        <v>596</v>
      </c>
      <c r="G633" s="15">
        <v>1192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74</v>
      </c>
      <c r="E634" s="14">
        <v>179</v>
      </c>
      <c r="F634" s="14">
        <v>178</v>
      </c>
      <c r="G634" s="15">
        <v>357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836</v>
      </c>
      <c r="E635" s="14">
        <v>5559</v>
      </c>
      <c r="F635" s="14">
        <v>5862</v>
      </c>
      <c r="G635" s="15">
        <v>11421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42</v>
      </c>
      <c r="E636" s="14">
        <v>174</v>
      </c>
      <c r="F636" s="14">
        <v>189</v>
      </c>
      <c r="G636" s="15">
        <v>363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39</v>
      </c>
      <c r="E637" s="14">
        <v>596</v>
      </c>
      <c r="F637" s="14">
        <v>616</v>
      </c>
      <c r="G637" s="15">
        <v>1212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8</v>
      </c>
      <c r="E638" s="14">
        <v>162</v>
      </c>
      <c r="F638" s="14">
        <v>148</v>
      </c>
      <c r="G638" s="15">
        <v>310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9</v>
      </c>
      <c r="E639" s="14">
        <v>170</v>
      </c>
      <c r="F639" s="14">
        <v>180</v>
      </c>
      <c r="G639" s="15">
        <v>350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5</v>
      </c>
      <c r="E641" s="14">
        <v>62</v>
      </c>
      <c r="F641" s="14">
        <v>58</v>
      </c>
      <c r="G641" s="15">
        <v>120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5</v>
      </c>
      <c r="F642" s="14">
        <v>118</v>
      </c>
      <c r="G642" s="15">
        <v>223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22</v>
      </c>
      <c r="E643" s="14">
        <v>140</v>
      </c>
      <c r="F643" s="14">
        <v>134</v>
      </c>
      <c r="G643" s="15">
        <v>274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1</v>
      </c>
      <c r="F644" s="14">
        <v>95</v>
      </c>
      <c r="G644" s="15">
        <v>196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3</v>
      </c>
      <c r="F645" s="14">
        <v>75</v>
      </c>
      <c r="G645" s="15">
        <v>138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5</v>
      </c>
      <c r="E646" s="14">
        <v>43</v>
      </c>
      <c r="F646" s="14">
        <v>44</v>
      </c>
      <c r="G646" s="15">
        <v>87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4</v>
      </c>
      <c r="E647" s="14">
        <v>145</v>
      </c>
      <c r="F647" s="14">
        <v>159</v>
      </c>
      <c r="G647" s="15">
        <v>304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27</v>
      </c>
      <c r="E648" s="14">
        <v>18</v>
      </c>
      <c r="F648" s="14">
        <v>22</v>
      </c>
      <c r="G648" s="15">
        <v>40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18</v>
      </c>
      <c r="E649" s="14">
        <v>12</v>
      </c>
      <c r="F649" s="14">
        <v>13</v>
      </c>
      <c r="G649" s="15">
        <v>25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9</v>
      </c>
      <c r="E652" s="14">
        <v>13</v>
      </c>
      <c r="F652" s="14">
        <v>19</v>
      </c>
      <c r="G652" s="15">
        <v>3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8</v>
      </c>
      <c r="E653" s="14">
        <v>48</v>
      </c>
      <c r="F653" s="14">
        <v>42</v>
      </c>
      <c r="G653" s="15">
        <v>90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08</v>
      </c>
      <c r="G654" s="15">
        <v>209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2</v>
      </c>
      <c r="E655" s="14">
        <v>141</v>
      </c>
      <c r="F655" s="14">
        <v>134</v>
      </c>
      <c r="G655" s="15">
        <v>275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28</v>
      </c>
      <c r="F656" s="14">
        <v>25</v>
      </c>
      <c r="G656" s="15">
        <v>53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2</v>
      </c>
      <c r="E657" s="14">
        <v>89</v>
      </c>
      <c r="F657" s="14">
        <v>97</v>
      </c>
      <c r="G657" s="15">
        <v>186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5</v>
      </c>
      <c r="E659" s="14">
        <v>92</v>
      </c>
      <c r="F659" s="14">
        <v>89</v>
      </c>
      <c r="G659" s="15">
        <v>181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0</v>
      </c>
      <c r="F660" s="14">
        <v>49</v>
      </c>
      <c r="G660" s="15">
        <v>89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7</v>
      </c>
      <c r="E661" s="14">
        <v>78</v>
      </c>
      <c r="F661" s="14">
        <v>96</v>
      </c>
      <c r="G661" s="15">
        <v>174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6</v>
      </c>
      <c r="E662" s="14">
        <v>147</v>
      </c>
      <c r="F662" s="14">
        <v>153</v>
      </c>
      <c r="G662" s="15">
        <v>300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4</v>
      </c>
      <c r="E663" s="14">
        <v>99</v>
      </c>
      <c r="F663" s="14">
        <v>127</v>
      </c>
      <c r="G663" s="15">
        <v>226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45</v>
      </c>
      <c r="E664" s="14">
        <v>2818</v>
      </c>
      <c r="F664" s="14">
        <v>2944</v>
      </c>
      <c r="G664" s="15">
        <v>5762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81</v>
      </c>
      <c r="E665" s="14">
        <v>99</v>
      </c>
      <c r="F665" s="14">
        <v>79</v>
      </c>
      <c r="G665" s="15">
        <v>178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41</v>
      </c>
      <c r="E666" s="14">
        <v>409</v>
      </c>
      <c r="F666" s="14">
        <v>317</v>
      </c>
      <c r="G666" s="15">
        <v>726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05</v>
      </c>
      <c r="E667" s="14">
        <v>660</v>
      </c>
      <c r="F667" s="14">
        <v>725</v>
      </c>
      <c r="G667" s="15">
        <v>1385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506</v>
      </c>
      <c r="E668" s="14">
        <v>1614</v>
      </c>
      <c r="F668" s="14">
        <v>1619</v>
      </c>
      <c r="G668" s="15">
        <v>3233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48</v>
      </c>
      <c r="E669" s="14">
        <v>390</v>
      </c>
      <c r="F669" s="14">
        <v>421</v>
      </c>
      <c r="G669" s="15">
        <v>811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41</v>
      </c>
      <c r="E670" s="14">
        <v>152</v>
      </c>
      <c r="F670" s="14">
        <v>187</v>
      </c>
      <c r="G670" s="15">
        <v>339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06</v>
      </c>
      <c r="E671" s="14">
        <v>76</v>
      </c>
      <c r="F671" s="14">
        <v>106</v>
      </c>
      <c r="G671" s="15">
        <v>182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0</v>
      </c>
      <c r="E672" s="14">
        <v>59</v>
      </c>
      <c r="F672" s="14">
        <v>73</v>
      </c>
      <c r="G672" s="15">
        <v>132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100</v>
      </c>
      <c r="E673" s="14">
        <v>111</v>
      </c>
      <c r="F673" s="14">
        <v>121</v>
      </c>
      <c r="G673" s="15">
        <v>232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5</v>
      </c>
      <c r="E674" s="14">
        <v>181</v>
      </c>
      <c r="F674" s="14">
        <v>193</v>
      </c>
      <c r="G674" s="15">
        <v>374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100</v>
      </c>
      <c r="E675" s="14">
        <v>1267</v>
      </c>
      <c r="F675" s="14">
        <v>1354</v>
      </c>
      <c r="G675" s="15">
        <v>2621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200</v>
      </c>
      <c r="E676" s="14">
        <v>251</v>
      </c>
      <c r="F676" s="14">
        <v>265</v>
      </c>
      <c r="G676" s="15">
        <v>516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4</v>
      </c>
      <c r="E677" s="14">
        <v>282</v>
      </c>
      <c r="F677" s="14">
        <v>293</v>
      </c>
      <c r="G677" s="15">
        <v>575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4</v>
      </c>
      <c r="E678" s="14">
        <v>85</v>
      </c>
      <c r="F678" s="14">
        <v>103</v>
      </c>
      <c r="G678" s="15">
        <v>188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100</v>
      </c>
      <c r="E679" s="14">
        <v>88</v>
      </c>
      <c r="F679" s="14">
        <v>90</v>
      </c>
      <c r="G679" s="15">
        <v>178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11</v>
      </c>
      <c r="E680" s="14">
        <v>249</v>
      </c>
      <c r="F680" s="14">
        <v>258</v>
      </c>
      <c r="G680" s="15">
        <v>507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44</v>
      </c>
      <c r="E681" s="14">
        <v>249</v>
      </c>
      <c r="F681" s="14">
        <v>272</v>
      </c>
      <c r="G681" s="15">
        <v>521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6</v>
      </c>
      <c r="E682" s="14">
        <v>416</v>
      </c>
      <c r="F682" s="14">
        <v>456</v>
      </c>
      <c r="G682" s="15">
        <v>872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122</v>
      </c>
      <c r="E683" s="14">
        <v>6638</v>
      </c>
      <c r="F683" s="14">
        <v>6932</v>
      </c>
      <c r="G683" s="15">
        <v>13570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86</v>
      </c>
      <c r="E684" s="14">
        <v>372</v>
      </c>
      <c r="F684" s="14">
        <v>346</v>
      </c>
      <c r="G684" s="15">
        <v>718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7</v>
      </c>
      <c r="E685" s="14">
        <v>143</v>
      </c>
      <c r="F685" s="14">
        <v>132</v>
      </c>
      <c r="G685" s="15">
        <v>275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71</v>
      </c>
      <c r="E686" s="14">
        <v>332</v>
      </c>
      <c r="F686" s="14">
        <v>328</v>
      </c>
      <c r="G686" s="15">
        <v>660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95</v>
      </c>
      <c r="E687" s="14">
        <v>103</v>
      </c>
      <c r="F687" s="14">
        <v>122</v>
      </c>
      <c r="G687" s="15">
        <v>225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51</v>
      </c>
      <c r="E688" s="14">
        <v>723</v>
      </c>
      <c r="F688" s="14">
        <v>762</v>
      </c>
      <c r="G688" s="15">
        <v>1485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9</v>
      </c>
      <c r="E689" s="14">
        <v>57</v>
      </c>
      <c r="F689" s="14">
        <v>45</v>
      </c>
      <c r="G689" s="15">
        <v>102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6</v>
      </c>
      <c r="E690" s="14">
        <v>73</v>
      </c>
      <c r="F690" s="14">
        <v>94</v>
      </c>
      <c r="G690" s="15">
        <v>167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6</v>
      </c>
      <c r="E691" s="14">
        <v>87</v>
      </c>
      <c r="F691" s="14">
        <v>73</v>
      </c>
      <c r="G691" s="15">
        <v>160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2</v>
      </c>
      <c r="E692" s="14">
        <v>96</v>
      </c>
      <c r="F692" s="14">
        <v>99</v>
      </c>
      <c r="G692" s="15">
        <v>195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6</v>
      </c>
      <c r="E693" s="14">
        <v>146</v>
      </c>
      <c r="F693" s="14">
        <v>156</v>
      </c>
      <c r="G693" s="15">
        <v>302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70</v>
      </c>
      <c r="G694" s="15">
        <v>130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2</v>
      </c>
      <c r="E695" s="14">
        <v>58</v>
      </c>
      <c r="F695" s="14">
        <v>56</v>
      </c>
      <c r="G695" s="15">
        <v>114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1</v>
      </c>
      <c r="F696" s="14">
        <v>38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3</v>
      </c>
      <c r="E697" s="14">
        <v>30</v>
      </c>
      <c r="F697" s="14">
        <v>26</v>
      </c>
      <c r="G697" s="15">
        <v>56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2</v>
      </c>
      <c r="E698" s="14">
        <v>60</v>
      </c>
      <c r="F698" s="14">
        <v>59</v>
      </c>
      <c r="G698" s="15">
        <v>119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8</v>
      </c>
      <c r="E699" s="14">
        <v>39</v>
      </c>
      <c r="F699" s="14">
        <v>43</v>
      </c>
      <c r="G699" s="15">
        <v>82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7</v>
      </c>
      <c r="E700" s="14">
        <v>92</v>
      </c>
      <c r="F700" s="14">
        <v>96</v>
      </c>
      <c r="G700" s="15">
        <v>188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29</v>
      </c>
      <c r="E701" s="14">
        <v>143</v>
      </c>
      <c r="F701" s="14">
        <v>139</v>
      </c>
      <c r="G701" s="15">
        <v>282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38</v>
      </c>
      <c r="E702" s="14">
        <v>40</v>
      </c>
      <c r="F702" s="14">
        <v>10</v>
      </c>
      <c r="G702" s="15">
        <v>50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2</v>
      </c>
      <c r="E703" s="14">
        <v>0</v>
      </c>
      <c r="F703" s="14">
        <v>32</v>
      </c>
      <c r="G703" s="15">
        <v>32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83</v>
      </c>
      <c r="E704" s="14">
        <v>2705</v>
      </c>
      <c r="F704" s="14">
        <v>2726</v>
      </c>
      <c r="G704" s="15">
        <v>5431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6</v>
      </c>
      <c r="F705" s="14">
        <v>13</v>
      </c>
      <c r="G705" s="15">
        <v>29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4</v>
      </c>
      <c r="E706" s="14">
        <v>96</v>
      </c>
      <c r="F706" s="14">
        <v>91</v>
      </c>
      <c r="G706" s="15">
        <v>187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95</v>
      </c>
      <c r="E707" s="14">
        <v>55</v>
      </c>
      <c r="F707" s="14">
        <v>98</v>
      </c>
      <c r="G707" s="15">
        <v>153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27</v>
      </c>
      <c r="E708" s="14">
        <v>278</v>
      </c>
      <c r="F708" s="14">
        <v>290</v>
      </c>
      <c r="G708" s="15">
        <v>568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1</v>
      </c>
      <c r="E709" s="14">
        <v>83</v>
      </c>
      <c r="F709" s="14">
        <v>81</v>
      </c>
      <c r="G709" s="15">
        <v>164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61</v>
      </c>
      <c r="E710" s="14">
        <v>201</v>
      </c>
      <c r="F710" s="14">
        <v>198</v>
      </c>
      <c r="G710" s="15">
        <v>399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17</v>
      </c>
      <c r="E711" s="14">
        <v>17</v>
      </c>
      <c r="F711" s="14">
        <v>27</v>
      </c>
      <c r="G711" s="15">
        <v>44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3</v>
      </c>
      <c r="E712" s="14">
        <v>103</v>
      </c>
      <c r="F712" s="14">
        <v>113</v>
      </c>
      <c r="G712" s="15">
        <v>216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5</v>
      </c>
      <c r="E713" s="14">
        <v>104</v>
      </c>
      <c r="F713" s="14">
        <v>106</v>
      </c>
      <c r="G713" s="15">
        <v>210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5</v>
      </c>
      <c r="E714" s="14">
        <v>43</v>
      </c>
      <c r="F714" s="14">
        <v>36</v>
      </c>
      <c r="G714" s="15">
        <v>79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89</v>
      </c>
      <c r="E715" s="14">
        <v>110</v>
      </c>
      <c r="F715" s="14">
        <v>128</v>
      </c>
      <c r="G715" s="15">
        <v>238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5</v>
      </c>
      <c r="E716" s="14">
        <v>66</v>
      </c>
      <c r="F716" s="14">
        <v>67</v>
      </c>
      <c r="G716" s="15">
        <v>133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09</v>
      </c>
      <c r="E717" s="14">
        <v>124</v>
      </c>
      <c r="F717" s="14">
        <v>126</v>
      </c>
      <c r="G717" s="15">
        <v>250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0</v>
      </c>
      <c r="E718" s="14">
        <v>100</v>
      </c>
      <c r="F718" s="14">
        <v>121</v>
      </c>
      <c r="G718" s="15">
        <v>221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91</v>
      </c>
      <c r="E719" s="14">
        <v>108</v>
      </c>
      <c r="F719" s="14">
        <v>112</v>
      </c>
      <c r="G719" s="15">
        <v>220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1</v>
      </c>
      <c r="F720" s="14">
        <v>88</v>
      </c>
      <c r="G720" s="15">
        <v>169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4</v>
      </c>
      <c r="E721" s="14">
        <v>76</v>
      </c>
      <c r="F721" s="14">
        <v>97</v>
      </c>
      <c r="G721" s="15">
        <v>173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1</v>
      </c>
      <c r="F722" s="14">
        <v>159</v>
      </c>
      <c r="G722" s="15">
        <v>300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6</v>
      </c>
      <c r="E724" s="14">
        <v>33</v>
      </c>
      <c r="F724" s="14">
        <v>41</v>
      </c>
      <c r="G724" s="15">
        <v>74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8</v>
      </c>
      <c r="E725" s="14">
        <v>43</v>
      </c>
      <c r="F725" s="14">
        <v>50</v>
      </c>
      <c r="G725" s="15">
        <v>93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3</v>
      </c>
      <c r="E726" s="14">
        <v>21</v>
      </c>
      <c r="F726" s="14">
        <v>24</v>
      </c>
      <c r="G726" s="15">
        <v>45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6</v>
      </c>
      <c r="E727" s="14">
        <v>142</v>
      </c>
      <c r="F727" s="14">
        <v>140</v>
      </c>
      <c r="G727" s="15">
        <v>282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58</v>
      </c>
      <c r="E728" s="14">
        <v>78</v>
      </c>
      <c r="F728" s="14">
        <v>86</v>
      </c>
      <c r="G728" s="15">
        <v>164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8</v>
      </c>
      <c r="F729" s="14">
        <v>44</v>
      </c>
      <c r="G729" s="15">
        <v>92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30</v>
      </c>
      <c r="E730" s="14">
        <v>40</v>
      </c>
      <c r="F730" s="14">
        <v>35</v>
      </c>
      <c r="G730" s="15">
        <v>75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0</v>
      </c>
      <c r="E731" s="14">
        <v>36</v>
      </c>
      <c r="F731" s="14">
        <v>32</v>
      </c>
      <c r="G731" s="15">
        <v>68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9</v>
      </c>
      <c r="E732" s="14">
        <v>12</v>
      </c>
      <c r="F732" s="14">
        <v>10</v>
      </c>
      <c r="G732" s="15">
        <v>22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7</v>
      </c>
      <c r="F733" s="14">
        <v>41</v>
      </c>
      <c r="G733" s="15">
        <v>78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4</v>
      </c>
      <c r="E734" s="14">
        <v>35</v>
      </c>
      <c r="F734" s="14">
        <v>22</v>
      </c>
      <c r="G734" s="15">
        <v>57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6</v>
      </c>
      <c r="E735" s="14">
        <v>78</v>
      </c>
      <c r="F735" s="14">
        <v>82</v>
      </c>
      <c r="G735" s="15">
        <v>160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6</v>
      </c>
      <c r="E737" s="14">
        <v>273</v>
      </c>
      <c r="F737" s="14">
        <v>273</v>
      </c>
      <c r="G737" s="15">
        <v>546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0</v>
      </c>
      <c r="E738" s="14">
        <v>433</v>
      </c>
      <c r="F738" s="14">
        <v>428</v>
      </c>
      <c r="G738" s="15">
        <v>861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2</v>
      </c>
      <c r="F739" s="14">
        <v>300</v>
      </c>
      <c r="G739" s="15">
        <v>602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35</v>
      </c>
      <c r="E740" s="14">
        <v>3482</v>
      </c>
      <c r="F740" s="14">
        <v>3632</v>
      </c>
      <c r="G740" s="15">
        <v>7114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6</v>
      </c>
      <c r="E741" s="14">
        <v>138</v>
      </c>
      <c r="F741" s="14">
        <v>138</v>
      </c>
      <c r="G741" s="15">
        <v>276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2</v>
      </c>
      <c r="E742" s="14">
        <v>76</v>
      </c>
      <c r="F742" s="14">
        <v>82</v>
      </c>
      <c r="G742" s="15">
        <v>158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5</v>
      </c>
      <c r="E743" s="14">
        <v>87</v>
      </c>
      <c r="F743" s="14">
        <v>105</v>
      </c>
      <c r="G743" s="15">
        <v>192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7</v>
      </c>
      <c r="F744" s="14">
        <v>63</v>
      </c>
      <c r="G744" s="15">
        <v>120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0</v>
      </c>
      <c r="F745" s="14">
        <v>38</v>
      </c>
      <c r="G745" s="15">
        <v>78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0</v>
      </c>
      <c r="E746" s="14">
        <v>28</v>
      </c>
      <c r="F746" s="14">
        <v>29</v>
      </c>
      <c r="G746" s="15">
        <v>57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4</v>
      </c>
      <c r="E747" s="14">
        <v>45</v>
      </c>
      <c r="F747" s="14">
        <v>57</v>
      </c>
      <c r="G747" s="15">
        <v>102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9</v>
      </c>
      <c r="E748" s="14">
        <v>121</v>
      </c>
      <c r="F748" s="14">
        <v>124</v>
      </c>
      <c r="G748" s="15">
        <v>245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3</v>
      </c>
      <c r="F749" s="14">
        <v>77</v>
      </c>
      <c r="G749" s="15">
        <v>140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60</v>
      </c>
      <c r="E750" s="14">
        <v>54</v>
      </c>
      <c r="F750" s="14">
        <v>74</v>
      </c>
      <c r="G750" s="15">
        <v>128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24</v>
      </c>
      <c r="E751" s="14">
        <v>153</v>
      </c>
      <c r="F751" s="14">
        <v>197</v>
      </c>
      <c r="G751" s="15">
        <v>350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3</v>
      </c>
      <c r="E752" s="14">
        <v>61</v>
      </c>
      <c r="F752" s="14">
        <v>74</v>
      </c>
      <c r="G752" s="15">
        <v>135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1</v>
      </c>
      <c r="E753" s="14">
        <v>76</v>
      </c>
      <c r="F753" s="14">
        <v>83</v>
      </c>
      <c r="G753" s="15">
        <v>159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7</v>
      </c>
      <c r="E754" s="14">
        <v>119</v>
      </c>
      <c r="F754" s="14">
        <v>125</v>
      </c>
      <c r="G754" s="15">
        <v>244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9</v>
      </c>
      <c r="E755" s="14">
        <v>135</v>
      </c>
      <c r="F755" s="14">
        <v>129</v>
      </c>
      <c r="G755" s="15">
        <v>264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2</v>
      </c>
      <c r="F756" s="14">
        <v>99</v>
      </c>
      <c r="G756" s="15">
        <v>181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99</v>
      </c>
      <c r="E757" s="14">
        <v>113</v>
      </c>
      <c r="F757" s="14">
        <v>107</v>
      </c>
      <c r="G757" s="15">
        <v>220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5</v>
      </c>
      <c r="E758" s="14">
        <v>16</v>
      </c>
      <c r="F758" s="14">
        <v>21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50</v>
      </c>
      <c r="F759" s="14">
        <v>50</v>
      </c>
      <c r="G759" s="15">
        <v>100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8</v>
      </c>
      <c r="E760" s="14">
        <v>69</v>
      </c>
      <c r="F760" s="14">
        <v>70</v>
      </c>
      <c r="G760" s="15">
        <v>139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1</v>
      </c>
      <c r="E761" s="14">
        <v>104</v>
      </c>
      <c r="F761" s="14">
        <v>127</v>
      </c>
      <c r="G761" s="15">
        <v>231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4</v>
      </c>
      <c r="E762" s="14">
        <v>115</v>
      </c>
      <c r="F762" s="14">
        <v>125</v>
      </c>
      <c r="G762" s="15">
        <v>240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6</v>
      </c>
      <c r="E763" s="14">
        <v>155</v>
      </c>
      <c r="F763" s="14">
        <v>162</v>
      </c>
      <c r="G763" s="15">
        <v>317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4</v>
      </c>
      <c r="E764" s="14">
        <v>317</v>
      </c>
      <c r="F764" s="14">
        <v>322</v>
      </c>
      <c r="G764" s="15">
        <v>639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4</v>
      </c>
      <c r="E765" s="14">
        <v>199</v>
      </c>
      <c r="F765" s="14">
        <v>199</v>
      </c>
      <c r="G765" s="15">
        <v>398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4</v>
      </c>
      <c r="E766" s="14">
        <v>621</v>
      </c>
      <c r="F766" s="14">
        <v>651</v>
      </c>
      <c r="G766" s="15">
        <v>1272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79</v>
      </c>
      <c r="E767" s="14">
        <v>3094</v>
      </c>
      <c r="F767" s="14">
        <v>3328</v>
      </c>
      <c r="G767" s="15">
        <v>6422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5</v>
      </c>
      <c r="F768" s="14">
        <v>35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0</v>
      </c>
      <c r="F769" s="14">
        <v>37</v>
      </c>
      <c r="G769" s="15">
        <v>67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1</v>
      </c>
      <c r="E770" s="14">
        <v>37</v>
      </c>
      <c r="F770" s="14">
        <v>44</v>
      </c>
      <c r="G770" s="15">
        <v>81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4</v>
      </c>
      <c r="G771" s="15">
        <v>83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4</v>
      </c>
      <c r="E772" s="14">
        <v>42</v>
      </c>
      <c r="F772" s="14">
        <v>50</v>
      </c>
      <c r="G772" s="15">
        <v>92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3</v>
      </c>
      <c r="E773" s="14">
        <v>40</v>
      </c>
      <c r="F773" s="14">
        <v>57</v>
      </c>
      <c r="G773" s="15">
        <v>97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2</v>
      </c>
      <c r="E774" s="14">
        <v>78</v>
      </c>
      <c r="F774" s="14">
        <v>78</v>
      </c>
      <c r="G774" s="15">
        <v>156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4</v>
      </c>
      <c r="E775" s="14">
        <v>21</v>
      </c>
      <c r="F775" s="14">
        <v>31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0</v>
      </c>
      <c r="E776" s="14">
        <v>22</v>
      </c>
      <c r="F776" s="14">
        <v>31</v>
      </c>
      <c r="G776" s="15">
        <v>53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0</v>
      </c>
      <c r="E777" s="14">
        <v>91</v>
      </c>
      <c r="F777" s="14">
        <v>110</v>
      </c>
      <c r="G777" s="15">
        <v>201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8</v>
      </c>
      <c r="E778" s="14">
        <v>68</v>
      </c>
      <c r="F778" s="14">
        <v>66</v>
      </c>
      <c r="G778" s="15">
        <v>134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19</v>
      </c>
      <c r="E779" s="14">
        <v>116</v>
      </c>
      <c r="F779" s="14">
        <v>135</v>
      </c>
      <c r="G779" s="15">
        <v>251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68</v>
      </c>
      <c r="E780" s="14">
        <v>211</v>
      </c>
      <c r="F780" s="14">
        <v>225</v>
      </c>
      <c r="G780" s="15">
        <v>436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403</v>
      </c>
      <c r="E781" s="14">
        <v>495</v>
      </c>
      <c r="F781" s="14">
        <v>498</v>
      </c>
      <c r="G781" s="15">
        <v>993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4</v>
      </c>
      <c r="E783" s="14">
        <v>107</v>
      </c>
      <c r="F783" s="14">
        <v>97</v>
      </c>
      <c r="G783" s="15">
        <v>204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9</v>
      </c>
      <c r="E784" s="14">
        <v>207</v>
      </c>
      <c r="F784" s="14">
        <v>173</v>
      </c>
      <c r="G784" s="15">
        <v>380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94</v>
      </c>
      <c r="E785" s="14">
        <v>1635</v>
      </c>
      <c r="F785" s="14">
        <v>1715</v>
      </c>
      <c r="G785" s="15">
        <v>3350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6</v>
      </c>
      <c r="E786" s="14">
        <v>15</v>
      </c>
      <c r="F786" s="14">
        <v>24</v>
      </c>
      <c r="G786" s="15">
        <v>39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7</v>
      </c>
      <c r="E787" s="14">
        <v>386</v>
      </c>
      <c r="F787" s="14">
        <v>419</v>
      </c>
      <c r="G787" s="15">
        <v>805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7</v>
      </c>
      <c r="E788" s="14">
        <v>87</v>
      </c>
      <c r="F788" s="14">
        <v>97</v>
      </c>
      <c r="G788" s="15">
        <v>184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4</v>
      </c>
      <c r="E789" s="14">
        <v>92</v>
      </c>
      <c r="F789" s="14">
        <v>108</v>
      </c>
      <c r="G789" s="15">
        <v>200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3</v>
      </c>
      <c r="F790" s="14">
        <v>79</v>
      </c>
      <c r="G790" s="15">
        <v>162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6</v>
      </c>
      <c r="E791" s="14">
        <v>56</v>
      </c>
      <c r="F791" s="14">
        <v>60</v>
      </c>
      <c r="G791" s="15">
        <v>116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8</v>
      </c>
      <c r="E792" s="14">
        <v>174</v>
      </c>
      <c r="F792" s="14">
        <v>185</v>
      </c>
      <c r="G792" s="15">
        <v>359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2</v>
      </c>
      <c r="E794" s="14">
        <v>100</v>
      </c>
      <c r="F794" s="14">
        <v>122</v>
      </c>
      <c r="G794" s="15">
        <v>222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2</v>
      </c>
      <c r="E795" s="14">
        <v>95</v>
      </c>
      <c r="F795" s="14">
        <v>98</v>
      </c>
      <c r="G795" s="15">
        <v>193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4</v>
      </c>
      <c r="E796" s="14">
        <v>4</v>
      </c>
      <c r="F796" s="14">
        <v>0</v>
      </c>
      <c r="G796" s="15">
        <v>4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48</v>
      </c>
      <c r="E797" s="14">
        <v>1111</v>
      </c>
      <c r="F797" s="14">
        <v>1214</v>
      </c>
      <c r="G797" s="15">
        <v>2325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5</v>
      </c>
      <c r="E798" s="14">
        <v>287</v>
      </c>
      <c r="F798" s="14">
        <v>286</v>
      </c>
      <c r="G798" s="15">
        <v>573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27</v>
      </c>
      <c r="E799" s="14">
        <v>493</v>
      </c>
      <c r="F799" s="14">
        <v>503</v>
      </c>
      <c r="G799" s="15">
        <v>996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69</v>
      </c>
      <c r="E800" s="14">
        <v>180</v>
      </c>
      <c r="F800" s="14">
        <v>190</v>
      </c>
      <c r="G800" s="15">
        <v>370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0</v>
      </c>
      <c r="E801" s="14">
        <v>10</v>
      </c>
      <c r="F801" s="14">
        <v>0</v>
      </c>
      <c r="G801" s="15">
        <v>10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2</v>
      </c>
      <c r="E802" s="14">
        <v>126</v>
      </c>
      <c r="F802" s="14">
        <v>127</v>
      </c>
      <c r="G802" s="15">
        <v>253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99</v>
      </c>
      <c r="E803" s="14">
        <v>113</v>
      </c>
      <c r="F803" s="14">
        <v>122</v>
      </c>
      <c r="G803" s="15">
        <v>235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6</v>
      </c>
      <c r="E804" s="14">
        <v>216</v>
      </c>
      <c r="F804" s="14">
        <v>198</v>
      </c>
      <c r="G804" s="15">
        <v>414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8</v>
      </c>
      <c r="E805" s="14">
        <v>1425</v>
      </c>
      <c r="F805" s="14">
        <v>1426</v>
      </c>
      <c r="G805" s="15">
        <v>2851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5</v>
      </c>
      <c r="E806" s="14">
        <v>428</v>
      </c>
      <c r="F806" s="14">
        <v>513</v>
      </c>
      <c r="G806" s="15">
        <v>941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6</v>
      </c>
      <c r="E807" s="14">
        <v>127</v>
      </c>
      <c r="F807" s="14">
        <v>126</v>
      </c>
      <c r="G807" s="15">
        <v>253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29</v>
      </c>
      <c r="E808" s="14">
        <v>86</v>
      </c>
      <c r="F808" s="14">
        <v>136</v>
      </c>
      <c r="G808" s="15">
        <v>222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91</v>
      </c>
      <c r="E809" s="14">
        <v>92</v>
      </c>
      <c r="F809" s="14">
        <v>105</v>
      </c>
      <c r="G809" s="15">
        <v>197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0</v>
      </c>
      <c r="E810" s="14">
        <v>124</v>
      </c>
      <c r="F810" s="14">
        <v>145</v>
      </c>
      <c r="G810" s="15">
        <v>269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5</v>
      </c>
      <c r="E811" s="14">
        <v>93</v>
      </c>
      <c r="F811" s="14">
        <v>94</v>
      </c>
      <c r="G811" s="15">
        <v>187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39</v>
      </c>
      <c r="E812" s="14">
        <v>155</v>
      </c>
      <c r="F812" s="14">
        <v>164</v>
      </c>
      <c r="G812" s="15">
        <v>319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7</v>
      </c>
      <c r="E813" s="14">
        <v>245</v>
      </c>
      <c r="F813" s="14">
        <v>231</v>
      </c>
      <c r="G813" s="15">
        <v>476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3</v>
      </c>
      <c r="E814" s="14">
        <v>118</v>
      </c>
      <c r="F814" s="14">
        <v>109</v>
      </c>
      <c r="G814" s="15">
        <v>227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75</v>
      </c>
      <c r="E815" s="14">
        <v>1468</v>
      </c>
      <c r="F815" s="14">
        <v>1623</v>
      </c>
      <c r="G815" s="15">
        <v>3091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21</v>
      </c>
      <c r="E816" s="14">
        <v>692</v>
      </c>
      <c r="F816" s="14">
        <v>695</v>
      </c>
      <c r="G816" s="15">
        <v>1387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6</v>
      </c>
      <c r="E817" s="14">
        <v>59</v>
      </c>
      <c r="F817" s="14">
        <v>52</v>
      </c>
      <c r="G817" s="15">
        <v>111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6</v>
      </c>
      <c r="E818" s="14">
        <v>179</v>
      </c>
      <c r="F818" s="14">
        <v>202</v>
      </c>
      <c r="G818" s="15">
        <v>381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10</v>
      </c>
      <c r="E819" s="14">
        <v>117</v>
      </c>
      <c r="F819" s="14">
        <v>125</v>
      </c>
      <c r="G819" s="15">
        <v>242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199</v>
      </c>
      <c r="E820" s="14">
        <v>230</v>
      </c>
      <c r="F820" s="14">
        <v>229</v>
      </c>
      <c r="G820" s="15">
        <v>459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28</v>
      </c>
      <c r="E821" s="14">
        <v>126</v>
      </c>
      <c r="F821" s="14">
        <v>132</v>
      </c>
      <c r="G821" s="15">
        <v>258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42</v>
      </c>
      <c r="E822" s="14">
        <v>263</v>
      </c>
      <c r="F822" s="14">
        <v>298</v>
      </c>
      <c r="G822" s="15">
        <v>561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4</v>
      </c>
      <c r="E823" s="14">
        <v>57</v>
      </c>
      <c r="F823" s="14">
        <v>80</v>
      </c>
      <c r="G823" s="15">
        <v>137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18</v>
      </c>
      <c r="E824" s="14">
        <v>221</v>
      </c>
      <c r="F824" s="14">
        <v>251</v>
      </c>
      <c r="G824" s="15">
        <v>472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4</v>
      </c>
      <c r="E825" s="14">
        <v>455</v>
      </c>
      <c r="F825" s="14">
        <v>505</v>
      </c>
      <c r="G825" s="15">
        <v>960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58</v>
      </c>
      <c r="E826" s="14">
        <v>274</v>
      </c>
      <c r="F826" s="14">
        <v>295</v>
      </c>
      <c r="G826" s="15">
        <v>569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66</v>
      </c>
      <c r="E827" s="14">
        <v>496</v>
      </c>
      <c r="F827" s="14">
        <v>525</v>
      </c>
      <c r="G827" s="15">
        <v>1021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41</v>
      </c>
      <c r="E828" s="14">
        <v>566</v>
      </c>
      <c r="F828" s="14">
        <v>571</v>
      </c>
      <c r="G828" s="15">
        <v>1137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3</v>
      </c>
      <c r="E829" s="14">
        <v>71</v>
      </c>
      <c r="F829" s="14">
        <v>87</v>
      </c>
      <c r="G829" s="15">
        <v>158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86</v>
      </c>
      <c r="E830" s="14">
        <v>448</v>
      </c>
      <c r="F830" s="14">
        <v>477</v>
      </c>
      <c r="G830" s="15">
        <v>925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8</v>
      </c>
      <c r="E831" s="14">
        <v>967</v>
      </c>
      <c r="F831" s="14">
        <v>1050</v>
      </c>
      <c r="G831" s="15">
        <v>2017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201</v>
      </c>
      <c r="E832" s="14">
        <v>258</v>
      </c>
      <c r="F832" s="14">
        <v>260</v>
      </c>
      <c r="G832" s="15">
        <v>518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98</v>
      </c>
      <c r="E833" s="14">
        <v>119</v>
      </c>
      <c r="F833" s="14">
        <v>100</v>
      </c>
      <c r="G833" s="15">
        <v>219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18</v>
      </c>
      <c r="E834" s="14">
        <v>226</v>
      </c>
      <c r="F834" s="14">
        <v>273</v>
      </c>
      <c r="G834" s="15">
        <v>499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5</v>
      </c>
      <c r="E835" s="14">
        <v>39</v>
      </c>
      <c r="F835" s="14">
        <v>25</v>
      </c>
      <c r="G835" s="15">
        <v>64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7</v>
      </c>
      <c r="E836" s="14">
        <v>77</v>
      </c>
      <c r="F836" s="14">
        <v>71</v>
      </c>
      <c r="G836" s="15">
        <v>148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4</v>
      </c>
      <c r="E837" s="14">
        <v>118</v>
      </c>
      <c r="F837" s="14">
        <v>117</v>
      </c>
      <c r="G837" s="15">
        <v>235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43</v>
      </c>
      <c r="E838" s="14">
        <v>6058</v>
      </c>
      <c r="F838" s="14">
        <v>6420</v>
      </c>
      <c r="G838" s="15">
        <v>12478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1</v>
      </c>
      <c r="E839" s="14">
        <v>43</v>
      </c>
      <c r="F839" s="14">
        <v>48</v>
      </c>
      <c r="G839" s="15">
        <v>91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5</v>
      </c>
      <c r="E840" s="14">
        <v>241</v>
      </c>
      <c r="F840" s="14">
        <v>261</v>
      </c>
      <c r="G840" s="15">
        <v>502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37</v>
      </c>
      <c r="E841" s="14">
        <v>154</v>
      </c>
      <c r="F841" s="14">
        <v>183</v>
      </c>
      <c r="G841" s="15">
        <v>337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20</v>
      </c>
      <c r="E842" s="14">
        <v>291</v>
      </c>
      <c r="F842" s="14">
        <v>282</v>
      </c>
      <c r="G842" s="15">
        <v>573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78</v>
      </c>
      <c r="E843" s="14">
        <v>303</v>
      </c>
      <c r="F843" s="14">
        <v>322</v>
      </c>
      <c r="G843" s="15">
        <v>625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15</v>
      </c>
      <c r="E844" s="14">
        <v>221</v>
      </c>
      <c r="F844" s="14">
        <v>213</v>
      </c>
      <c r="G844" s="15">
        <v>434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58</v>
      </c>
      <c r="E845" s="14">
        <v>165</v>
      </c>
      <c r="F845" s="14">
        <v>180</v>
      </c>
      <c r="G845" s="15">
        <v>345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199</v>
      </c>
      <c r="E846" s="14">
        <v>221</v>
      </c>
      <c r="F846" s="14">
        <v>229</v>
      </c>
      <c r="G846" s="15">
        <v>450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74</v>
      </c>
      <c r="E847" s="14">
        <v>326</v>
      </c>
      <c r="F847" s="14">
        <v>348</v>
      </c>
      <c r="G847" s="15">
        <v>674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17</v>
      </c>
      <c r="E848" s="14">
        <v>1965</v>
      </c>
      <c r="F848" s="14">
        <v>2066</v>
      </c>
      <c r="G848" s="15">
        <v>4031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6</v>
      </c>
      <c r="E849" s="14">
        <v>159</v>
      </c>
      <c r="F849" s="14">
        <v>186</v>
      </c>
      <c r="G849" s="15">
        <v>345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2</v>
      </c>
      <c r="E850" s="14">
        <v>208</v>
      </c>
      <c r="F850" s="14">
        <v>198</v>
      </c>
      <c r="G850" s="15">
        <v>406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5</v>
      </c>
      <c r="E851" s="14">
        <v>32</v>
      </c>
      <c r="F851" s="14">
        <v>39</v>
      </c>
      <c r="G851" s="15">
        <v>71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9</v>
      </c>
      <c r="E852" s="14">
        <v>182</v>
      </c>
      <c r="F852" s="14">
        <v>196</v>
      </c>
      <c r="G852" s="15">
        <v>378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1</v>
      </c>
      <c r="E853" s="14">
        <v>147</v>
      </c>
      <c r="F853" s="14">
        <v>146</v>
      </c>
      <c r="G853" s="15">
        <v>293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2</v>
      </c>
      <c r="E854" s="14">
        <v>72</v>
      </c>
      <c r="F854" s="14">
        <v>70</v>
      </c>
      <c r="G854" s="15">
        <v>142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1</v>
      </c>
      <c r="E855" s="14">
        <v>3</v>
      </c>
      <c r="F855" s="14">
        <v>2</v>
      </c>
      <c r="G855" s="15">
        <v>5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46</v>
      </c>
      <c r="E856" s="14">
        <v>803</v>
      </c>
      <c r="F856" s="14">
        <v>837</v>
      </c>
      <c r="G856" s="15">
        <v>1640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44</v>
      </c>
      <c r="E857" s="14">
        <v>320</v>
      </c>
      <c r="F857" s="14">
        <v>273</v>
      </c>
      <c r="G857" s="15">
        <v>593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3</v>
      </c>
      <c r="E858" s="14">
        <v>78</v>
      </c>
      <c r="F858" s="14">
        <v>59</v>
      </c>
      <c r="G858" s="15">
        <v>137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8</v>
      </c>
      <c r="E859" s="14">
        <v>107</v>
      </c>
      <c r="F859" s="14">
        <v>120</v>
      </c>
      <c r="G859" s="15">
        <v>227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11</v>
      </c>
      <c r="E860" s="14">
        <v>235</v>
      </c>
      <c r="F860" s="14">
        <v>287</v>
      </c>
      <c r="G860" s="15">
        <v>522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71</v>
      </c>
      <c r="E861" s="14">
        <v>92</v>
      </c>
      <c r="F861" s="14">
        <v>83</v>
      </c>
      <c r="G861" s="15">
        <v>175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17</v>
      </c>
      <c r="E862" s="14">
        <v>832</v>
      </c>
      <c r="F862" s="14">
        <v>822</v>
      </c>
      <c r="G862" s="15">
        <v>1654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38</v>
      </c>
      <c r="E863" s="14">
        <v>143</v>
      </c>
      <c r="F863" s="14">
        <v>125</v>
      </c>
      <c r="G863" s="15">
        <v>268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72</v>
      </c>
      <c r="E864" s="14">
        <v>432</v>
      </c>
      <c r="F864" s="14">
        <v>446</v>
      </c>
      <c r="G864" s="15">
        <v>878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4</v>
      </c>
      <c r="E865" s="14">
        <v>112</v>
      </c>
      <c r="F865" s="14">
        <v>118</v>
      </c>
      <c r="G865" s="15">
        <v>230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9</v>
      </c>
      <c r="E866" s="14">
        <v>440</v>
      </c>
      <c r="F866" s="14">
        <v>458</v>
      </c>
      <c r="G866" s="15">
        <v>898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62</v>
      </c>
      <c r="E867" s="14">
        <v>481</v>
      </c>
      <c r="F867" s="14">
        <v>488</v>
      </c>
      <c r="G867" s="15">
        <v>969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50</v>
      </c>
      <c r="E868" s="14">
        <v>40</v>
      </c>
      <c r="F868" s="14">
        <v>20</v>
      </c>
      <c r="G868" s="15">
        <v>60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35</v>
      </c>
      <c r="E869" s="14">
        <v>1648</v>
      </c>
      <c r="F869" s="14">
        <v>1655</v>
      </c>
      <c r="G869" s="15">
        <v>3303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78</v>
      </c>
      <c r="E870" s="14">
        <v>102</v>
      </c>
      <c r="F870" s="14">
        <v>113</v>
      </c>
      <c r="G870" s="15">
        <v>215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1</v>
      </c>
      <c r="E871" s="14">
        <v>117</v>
      </c>
      <c r="F871" s="14">
        <v>128</v>
      </c>
      <c r="G871" s="15">
        <v>245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8</v>
      </c>
      <c r="E872" s="14">
        <v>100</v>
      </c>
      <c r="F872" s="14">
        <v>96</v>
      </c>
      <c r="G872" s="15">
        <v>196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9</v>
      </c>
      <c r="E873" s="14">
        <v>33</v>
      </c>
      <c r="F873" s="14">
        <v>40</v>
      </c>
      <c r="G873" s="15">
        <v>73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7</v>
      </c>
      <c r="E874" s="14">
        <v>79</v>
      </c>
      <c r="F874" s="14">
        <v>88</v>
      </c>
      <c r="G874" s="15">
        <v>167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4</v>
      </c>
      <c r="E875" s="14">
        <v>47</v>
      </c>
      <c r="F875" s="14">
        <v>59</v>
      </c>
      <c r="G875" s="15">
        <v>106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0</v>
      </c>
      <c r="E877" s="14">
        <v>483</v>
      </c>
      <c r="F877" s="14">
        <v>529</v>
      </c>
      <c r="G877" s="15">
        <v>1012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2</v>
      </c>
      <c r="E878" s="14">
        <v>50</v>
      </c>
      <c r="F878" s="14">
        <v>61</v>
      </c>
      <c r="G878" s="15">
        <v>111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4</v>
      </c>
      <c r="E879" s="14">
        <v>46</v>
      </c>
      <c r="F879" s="14">
        <v>73</v>
      </c>
      <c r="G879" s="15">
        <v>119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2</v>
      </c>
      <c r="E880" s="14">
        <v>14</v>
      </c>
      <c r="F880" s="14">
        <v>29</v>
      </c>
      <c r="G880" s="15">
        <v>43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1</v>
      </c>
      <c r="E881" s="14">
        <v>36</v>
      </c>
      <c r="F881" s="14">
        <v>39</v>
      </c>
      <c r="G881" s="15">
        <v>75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19</v>
      </c>
      <c r="E882" s="14">
        <v>15</v>
      </c>
      <c r="F882" s="14">
        <v>22</v>
      </c>
      <c r="G882" s="15">
        <v>37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0</v>
      </c>
      <c r="E883" s="14">
        <v>37</v>
      </c>
      <c r="F883" s="14">
        <v>45</v>
      </c>
      <c r="G883" s="15">
        <v>82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1</v>
      </c>
      <c r="G884" s="15">
        <v>88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19</v>
      </c>
      <c r="E885" s="14">
        <v>18</v>
      </c>
      <c r="F885" s="14">
        <v>15</v>
      </c>
      <c r="G885" s="15">
        <v>33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2</v>
      </c>
      <c r="E886" s="14">
        <v>29</v>
      </c>
      <c r="F886" s="14">
        <v>32</v>
      </c>
      <c r="G886" s="15">
        <v>61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9</v>
      </c>
      <c r="E887" s="14">
        <v>52</v>
      </c>
      <c r="F887" s="14">
        <v>54</v>
      </c>
      <c r="G887" s="15">
        <v>106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4</v>
      </c>
      <c r="E888" s="14">
        <v>63</v>
      </c>
      <c r="F888" s="14">
        <v>82</v>
      </c>
      <c r="G888" s="15">
        <v>145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8</v>
      </c>
      <c r="F889" s="14">
        <v>84</v>
      </c>
      <c r="G889" s="15">
        <v>152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29</v>
      </c>
      <c r="E890" s="14">
        <v>26</v>
      </c>
      <c r="F890" s="14">
        <v>21</v>
      </c>
      <c r="G890" s="15">
        <v>47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5</v>
      </c>
      <c r="E891" s="14">
        <v>29</v>
      </c>
      <c r="F891" s="14">
        <v>32</v>
      </c>
      <c r="G891" s="15">
        <v>61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7</v>
      </c>
      <c r="F892" s="14">
        <v>41</v>
      </c>
      <c r="G892" s="15">
        <v>78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4</v>
      </c>
      <c r="E893" s="14">
        <v>204</v>
      </c>
      <c r="F893" s="14">
        <v>237</v>
      </c>
      <c r="G893" s="15">
        <v>441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07</v>
      </c>
      <c r="E894" s="14">
        <v>113</v>
      </c>
      <c r="F894" s="14">
        <v>123</v>
      </c>
      <c r="G894" s="15">
        <v>236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1</v>
      </c>
      <c r="E895" s="14">
        <v>63</v>
      </c>
      <c r="F895" s="14">
        <v>100</v>
      </c>
      <c r="G895" s="15">
        <v>163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6</v>
      </c>
      <c r="E896" s="14">
        <v>158</v>
      </c>
      <c r="F896" s="14">
        <v>166</v>
      </c>
      <c r="G896" s="15">
        <v>324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1</v>
      </c>
      <c r="E897" s="14">
        <v>223</v>
      </c>
      <c r="F897" s="14">
        <v>243</v>
      </c>
      <c r="G897" s="15">
        <v>466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59</v>
      </c>
      <c r="E898" s="14">
        <v>46</v>
      </c>
      <c r="F898" s="14">
        <v>66</v>
      </c>
      <c r="G898" s="15">
        <v>112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3</v>
      </c>
      <c r="E899" s="14">
        <v>137</v>
      </c>
      <c r="F899" s="14">
        <v>136</v>
      </c>
      <c r="G899" s="15">
        <v>273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5</v>
      </c>
      <c r="E900" s="14">
        <v>115</v>
      </c>
      <c r="F900" s="14">
        <v>125</v>
      </c>
      <c r="G900" s="15">
        <v>240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597</v>
      </c>
      <c r="E901" s="14">
        <v>1626</v>
      </c>
      <c r="F901" s="14">
        <v>1867</v>
      </c>
      <c r="G901" s="15">
        <v>3493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8</v>
      </c>
      <c r="F902" s="14">
        <v>57</v>
      </c>
      <c r="G902" s="15">
        <v>115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4</v>
      </c>
      <c r="E903" s="14">
        <v>37</v>
      </c>
      <c r="F903" s="14">
        <v>36</v>
      </c>
      <c r="G903" s="15">
        <v>73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4</v>
      </c>
      <c r="E904" s="14">
        <v>91</v>
      </c>
      <c r="F904" s="14">
        <v>98</v>
      </c>
      <c r="G904" s="15">
        <v>189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68</v>
      </c>
      <c r="E905" s="14">
        <v>77</v>
      </c>
      <c r="F905" s="14">
        <v>84</v>
      </c>
      <c r="G905" s="15">
        <v>161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8</v>
      </c>
      <c r="E906" s="14">
        <v>263</v>
      </c>
      <c r="F906" s="14">
        <v>260</v>
      </c>
      <c r="G906" s="15">
        <v>523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7</v>
      </c>
      <c r="E907" s="14">
        <v>25</v>
      </c>
      <c r="F907" s="14">
        <v>32</v>
      </c>
      <c r="G907" s="15">
        <v>57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4</v>
      </c>
      <c r="F908" s="14">
        <v>44</v>
      </c>
      <c r="G908" s="15">
        <v>88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6</v>
      </c>
      <c r="E909" s="14">
        <v>16</v>
      </c>
      <c r="F909" s="14">
        <v>30</v>
      </c>
      <c r="G909" s="15">
        <v>46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5</v>
      </c>
      <c r="F910" s="14">
        <v>32</v>
      </c>
      <c r="G910" s="15">
        <v>57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5</v>
      </c>
      <c r="F911" s="14">
        <v>58</v>
      </c>
      <c r="G911" s="15">
        <v>113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1</v>
      </c>
      <c r="E912" s="14">
        <v>65</v>
      </c>
      <c r="F912" s="14">
        <v>67</v>
      </c>
      <c r="G912" s="15">
        <v>132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2</v>
      </c>
      <c r="E913" s="14">
        <v>72</v>
      </c>
      <c r="F913" s="14">
        <v>78</v>
      </c>
      <c r="G913" s="15">
        <v>150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89</v>
      </c>
      <c r="E914" s="14">
        <v>86</v>
      </c>
      <c r="F914" s="14">
        <v>94</v>
      </c>
      <c r="G914" s="15">
        <v>180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95</v>
      </c>
      <c r="E915" s="14">
        <v>99</v>
      </c>
      <c r="F915" s="14">
        <v>103</v>
      </c>
      <c r="G915" s="15">
        <v>202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1</v>
      </c>
      <c r="E916" s="14">
        <v>232</v>
      </c>
      <c r="F916" s="14">
        <v>255</v>
      </c>
      <c r="G916" s="15">
        <v>487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80</v>
      </c>
      <c r="E917" s="14">
        <v>200</v>
      </c>
      <c r="F917" s="14">
        <v>212</v>
      </c>
      <c r="G917" s="15">
        <v>412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69</v>
      </c>
      <c r="E918" s="14">
        <v>346</v>
      </c>
      <c r="F918" s="14">
        <v>364</v>
      </c>
      <c r="G918" s="15">
        <v>710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4</v>
      </c>
      <c r="E919" s="14">
        <v>113</v>
      </c>
      <c r="F919" s="14">
        <v>101</v>
      </c>
      <c r="G919" s="15">
        <v>214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21</v>
      </c>
      <c r="E920" s="14">
        <v>1904</v>
      </c>
      <c r="F920" s="14">
        <v>2005</v>
      </c>
      <c r="G920" s="15">
        <v>3909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8</v>
      </c>
      <c r="G921" s="15">
        <v>126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1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7</v>
      </c>
      <c r="E923" s="14">
        <v>32</v>
      </c>
      <c r="F923" s="14">
        <v>34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8</v>
      </c>
      <c r="E924" s="14">
        <v>89</v>
      </c>
      <c r="F924" s="14">
        <v>106</v>
      </c>
      <c r="G924" s="15">
        <v>195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21</v>
      </c>
      <c r="E925" s="14">
        <v>26</v>
      </c>
      <c r="F925" s="14">
        <v>16</v>
      </c>
      <c r="G925" s="15">
        <v>42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8</v>
      </c>
      <c r="E926" s="14">
        <v>52</v>
      </c>
      <c r="F926" s="14">
        <v>32</v>
      </c>
      <c r="G926" s="15">
        <v>84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41</v>
      </c>
      <c r="E927" s="14">
        <v>54</v>
      </c>
      <c r="F927" s="14">
        <v>54</v>
      </c>
      <c r="G927" s="15">
        <v>108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6</v>
      </c>
      <c r="E928" s="14">
        <v>24</v>
      </c>
      <c r="F928" s="14">
        <v>22</v>
      </c>
      <c r="G928" s="15">
        <v>46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8</v>
      </c>
      <c r="E929" s="14">
        <v>36</v>
      </c>
      <c r="F929" s="14">
        <v>33</v>
      </c>
      <c r="G929" s="15">
        <v>69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6</v>
      </c>
      <c r="E930" s="14">
        <v>43</v>
      </c>
      <c r="F930" s="14">
        <v>46</v>
      </c>
      <c r="G930" s="15">
        <v>89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39</v>
      </c>
      <c r="G931" s="15">
        <v>82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4</v>
      </c>
      <c r="E932" s="14">
        <v>27</v>
      </c>
      <c r="F932" s="14">
        <v>29</v>
      </c>
      <c r="G932" s="15">
        <v>56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19</v>
      </c>
      <c r="E933" s="14">
        <v>22</v>
      </c>
      <c r="F933" s="14">
        <v>20</v>
      </c>
      <c r="G933" s="15">
        <v>42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9</v>
      </c>
      <c r="E934" s="14">
        <v>49</v>
      </c>
      <c r="F934" s="14">
        <v>51</v>
      </c>
      <c r="G934" s="15">
        <v>100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58</v>
      </c>
      <c r="G935" s="15">
        <v>110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66</v>
      </c>
      <c r="E936" s="14">
        <v>299</v>
      </c>
      <c r="F936" s="14">
        <v>286</v>
      </c>
      <c r="G936" s="15">
        <v>585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802</v>
      </c>
      <c r="E937" s="14">
        <v>938</v>
      </c>
      <c r="F937" s="14">
        <v>928</v>
      </c>
      <c r="G937" s="15">
        <v>1866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1</v>
      </c>
      <c r="E938" s="14">
        <v>71</v>
      </c>
      <c r="F938" s="14">
        <v>76</v>
      </c>
      <c r="G938" s="15">
        <v>147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49</v>
      </c>
      <c r="E939" s="14">
        <v>159</v>
      </c>
      <c r="F939" s="14">
        <v>189</v>
      </c>
      <c r="G939" s="15">
        <v>348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3</v>
      </c>
      <c r="E940" s="14">
        <v>120</v>
      </c>
      <c r="F940" s="14">
        <v>130</v>
      </c>
      <c r="G940" s="15">
        <v>250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7</v>
      </c>
      <c r="E941" s="14">
        <v>72</v>
      </c>
      <c r="F941" s="14">
        <v>66</v>
      </c>
      <c r="G941" s="15">
        <v>138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8</v>
      </c>
      <c r="E942" s="14">
        <v>64</v>
      </c>
      <c r="F942" s="14">
        <v>50</v>
      </c>
      <c r="G942" s="15">
        <v>114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4</v>
      </c>
      <c r="E944" s="14">
        <v>103</v>
      </c>
      <c r="F944" s="14">
        <v>99</v>
      </c>
      <c r="G944" s="15">
        <v>202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8</v>
      </c>
      <c r="E945" s="14">
        <v>93</v>
      </c>
      <c r="F945" s="14">
        <v>83</v>
      </c>
      <c r="G945" s="15">
        <v>176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5</v>
      </c>
      <c r="F946" s="14">
        <v>16</v>
      </c>
      <c r="G946" s="15">
        <v>31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7</v>
      </c>
      <c r="E947" s="14">
        <v>61</v>
      </c>
      <c r="F947" s="14">
        <v>56</v>
      </c>
      <c r="G947" s="15">
        <v>117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9</v>
      </c>
      <c r="F948" s="14">
        <v>9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3</v>
      </c>
      <c r="F950" s="14">
        <v>51</v>
      </c>
      <c r="G950" s="15">
        <v>104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4</v>
      </c>
      <c r="E951" s="14">
        <v>50</v>
      </c>
      <c r="F951" s="14">
        <v>55</v>
      </c>
      <c r="G951" s="15">
        <v>105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7</v>
      </c>
      <c r="E952" s="14">
        <v>22</v>
      </c>
      <c r="F952" s="14">
        <v>17</v>
      </c>
      <c r="G952" s="15">
        <v>39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5</v>
      </c>
      <c r="G953" s="15">
        <v>56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20</v>
      </c>
      <c r="F955" s="14">
        <v>18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8</v>
      </c>
      <c r="E956" s="14">
        <v>68</v>
      </c>
      <c r="F956" s="14">
        <v>76</v>
      </c>
      <c r="G956" s="15">
        <v>144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4</v>
      </c>
      <c r="E957" s="14">
        <v>52</v>
      </c>
      <c r="F957" s="14">
        <v>56</v>
      </c>
      <c r="G957" s="15">
        <v>108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5</v>
      </c>
      <c r="E958" s="14">
        <v>57</v>
      </c>
      <c r="F958" s="14">
        <v>52</v>
      </c>
      <c r="G958" s="15">
        <v>109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78</v>
      </c>
      <c r="E959" s="14">
        <v>316</v>
      </c>
      <c r="F959" s="14">
        <v>338</v>
      </c>
      <c r="G959" s="15">
        <v>654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2</v>
      </c>
      <c r="E960" s="14">
        <v>471</v>
      </c>
      <c r="F960" s="14">
        <v>451</v>
      </c>
      <c r="G960" s="15">
        <v>922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83</v>
      </c>
      <c r="E961" s="14">
        <v>1942</v>
      </c>
      <c r="F961" s="14">
        <v>1954</v>
      </c>
      <c r="G961" s="15">
        <v>3896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0</v>
      </c>
      <c r="E964" s="14">
        <v>30</v>
      </c>
      <c r="F964" s="14">
        <v>34</v>
      </c>
      <c r="G964" s="15">
        <v>64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1</v>
      </c>
      <c r="E965" s="14">
        <v>18</v>
      </c>
      <c r="F965" s="14">
        <v>24</v>
      </c>
      <c r="G965" s="15">
        <v>42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3</v>
      </c>
      <c r="G966" s="15">
        <v>82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7</v>
      </c>
      <c r="F968" s="14">
        <v>22</v>
      </c>
      <c r="G968" s="15">
        <v>39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0</v>
      </c>
      <c r="F969" s="14">
        <v>37</v>
      </c>
      <c r="G969" s="15">
        <v>77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4</v>
      </c>
      <c r="E970" s="14">
        <v>28</v>
      </c>
      <c r="F970" s="14">
        <v>37</v>
      </c>
      <c r="G970" s="15">
        <v>65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6</v>
      </c>
      <c r="E972" s="14">
        <v>29</v>
      </c>
      <c r="F972" s="14">
        <v>28</v>
      </c>
      <c r="G972" s="15">
        <v>57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7</v>
      </c>
      <c r="G973" s="15">
        <v>67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29</v>
      </c>
      <c r="F974" s="14">
        <v>33</v>
      </c>
      <c r="G974" s="15">
        <v>62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17</v>
      </c>
      <c r="E975" s="14">
        <v>22</v>
      </c>
      <c r="F975" s="14">
        <v>25</v>
      </c>
      <c r="G975" s="15">
        <v>47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30</v>
      </c>
      <c r="E976" s="14">
        <v>50</v>
      </c>
      <c r="F976" s="14">
        <v>41</v>
      </c>
      <c r="G976" s="15">
        <v>91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9</v>
      </c>
      <c r="E978" s="14">
        <v>49</v>
      </c>
      <c r="F978" s="14">
        <v>64</v>
      </c>
      <c r="G978" s="15">
        <v>113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6</v>
      </c>
      <c r="E979" s="14">
        <v>368</v>
      </c>
      <c r="F979" s="14">
        <v>345</v>
      </c>
      <c r="G979" s="15">
        <v>713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5</v>
      </c>
      <c r="E980" s="14">
        <v>815</v>
      </c>
      <c r="F980" s="14">
        <v>847</v>
      </c>
      <c r="G980" s="15">
        <v>1662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5</v>
      </c>
      <c r="E981" s="14">
        <v>343</v>
      </c>
      <c r="F981" s="14">
        <v>336</v>
      </c>
      <c r="G981" s="15">
        <v>679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44</v>
      </c>
      <c r="E982" s="14">
        <v>407</v>
      </c>
      <c r="F982" s="14">
        <v>398</v>
      </c>
      <c r="G982" s="15">
        <v>805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4</v>
      </c>
      <c r="E983" s="14">
        <v>185</v>
      </c>
      <c r="F983" s="14">
        <v>232</v>
      </c>
      <c r="G983" s="15">
        <v>417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20</v>
      </c>
      <c r="E984" s="14">
        <v>128</v>
      </c>
      <c r="F984" s="14">
        <v>151</v>
      </c>
      <c r="G984" s="15">
        <v>279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41</v>
      </c>
      <c r="E985" s="14">
        <v>177</v>
      </c>
      <c r="F985" s="14">
        <v>182</v>
      </c>
      <c r="G985" s="15">
        <v>359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5</v>
      </c>
      <c r="E986" s="14">
        <v>22</v>
      </c>
      <c r="F986" s="14">
        <v>24</v>
      </c>
      <c r="G986" s="15">
        <v>46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5</v>
      </c>
      <c r="E987" s="14">
        <v>121</v>
      </c>
      <c r="F987" s="14">
        <v>122</v>
      </c>
      <c r="G987" s="15">
        <v>243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72</v>
      </c>
      <c r="E988" s="14">
        <v>85</v>
      </c>
      <c r="F988" s="14">
        <v>96</v>
      </c>
      <c r="G988" s="15">
        <v>181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2</v>
      </c>
      <c r="E989" s="14">
        <v>186</v>
      </c>
      <c r="F989" s="14">
        <v>198</v>
      </c>
      <c r="G989" s="15">
        <v>384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84</v>
      </c>
      <c r="E990" s="14">
        <v>199</v>
      </c>
      <c r="F990" s="14">
        <v>205</v>
      </c>
      <c r="G990" s="15">
        <v>404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30</v>
      </c>
      <c r="E991" s="14">
        <v>186</v>
      </c>
      <c r="F991" s="14">
        <v>202</v>
      </c>
      <c r="G991" s="15">
        <v>388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7</v>
      </c>
      <c r="F992" s="14">
        <v>35</v>
      </c>
      <c r="G992" s="15">
        <v>72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8</v>
      </c>
      <c r="E993" s="14">
        <v>141</v>
      </c>
      <c r="F993" s="14">
        <v>154</v>
      </c>
      <c r="G993" s="15">
        <v>295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14</v>
      </c>
      <c r="E994" s="14">
        <v>133</v>
      </c>
      <c r="F994" s="14">
        <v>140</v>
      </c>
      <c r="G994" s="15">
        <v>273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19</v>
      </c>
      <c r="E995" s="14">
        <v>135</v>
      </c>
      <c r="F995" s="14">
        <v>165</v>
      </c>
      <c r="G995" s="15">
        <v>300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3</v>
      </c>
      <c r="E996" s="14">
        <v>164</v>
      </c>
      <c r="F996" s="14">
        <v>171</v>
      </c>
      <c r="G996" s="15">
        <v>335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5</v>
      </c>
      <c r="E997" s="14">
        <v>101</v>
      </c>
      <c r="F997" s="14">
        <v>93</v>
      </c>
      <c r="G997" s="15">
        <v>194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38</v>
      </c>
      <c r="E998" s="14">
        <v>766</v>
      </c>
      <c r="F998" s="14">
        <v>718</v>
      </c>
      <c r="G998" s="15">
        <v>1484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7</v>
      </c>
      <c r="E999" s="14">
        <v>77</v>
      </c>
      <c r="F999" s="14">
        <v>77</v>
      </c>
      <c r="G999" s="15">
        <v>154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20</v>
      </c>
      <c r="E1000" s="14">
        <v>503</v>
      </c>
      <c r="F1000" s="14">
        <v>507</v>
      </c>
      <c r="G1000" s="15">
        <v>1010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4</v>
      </c>
      <c r="E1001" s="14">
        <v>165</v>
      </c>
      <c r="F1001" s="14">
        <v>205</v>
      </c>
      <c r="G1001" s="15">
        <v>370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7</v>
      </c>
      <c r="E1002" s="14">
        <v>147</v>
      </c>
      <c r="F1002" s="14">
        <v>137</v>
      </c>
      <c r="G1002" s="15">
        <v>284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58</v>
      </c>
      <c r="E1003" s="14">
        <v>4408</v>
      </c>
      <c r="F1003" s="14">
        <v>4548</v>
      </c>
      <c r="G1003" s="15">
        <v>8956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8</v>
      </c>
      <c r="E1005" s="14">
        <v>325</v>
      </c>
      <c r="F1005" s="14">
        <v>347</v>
      </c>
      <c r="G1005" s="15">
        <v>672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6</v>
      </c>
      <c r="E1006" s="14">
        <v>68</v>
      </c>
      <c r="F1006" s="14">
        <v>82</v>
      </c>
      <c r="G1006" s="15">
        <v>150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58</v>
      </c>
      <c r="E1007" s="14">
        <v>181</v>
      </c>
      <c r="F1007" s="14">
        <v>168</v>
      </c>
      <c r="G1007" s="15">
        <v>349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13</v>
      </c>
      <c r="E1008" s="14">
        <v>107</v>
      </c>
      <c r="F1008" s="14">
        <v>116</v>
      </c>
      <c r="G1008" s="15">
        <v>223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109</v>
      </c>
      <c r="E1009" s="14">
        <v>116</v>
      </c>
      <c r="F1009" s="14">
        <v>124</v>
      </c>
      <c r="G1009" s="15">
        <v>240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3</v>
      </c>
      <c r="E1010" s="14">
        <v>99</v>
      </c>
      <c r="F1010" s="14">
        <v>93</v>
      </c>
      <c r="G1010" s="15">
        <v>192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08</v>
      </c>
      <c r="E1012" s="14">
        <v>619</v>
      </c>
      <c r="F1012" s="14">
        <v>690</v>
      </c>
      <c r="G1012" s="15">
        <v>1309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499</v>
      </c>
      <c r="E1013" s="14">
        <v>541</v>
      </c>
      <c r="F1013" s="14">
        <v>510</v>
      </c>
      <c r="G1013" s="15">
        <v>1051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38</v>
      </c>
      <c r="E1014" s="14">
        <v>421</v>
      </c>
      <c r="F1014" s="14">
        <v>381</v>
      </c>
      <c r="G1014" s="15">
        <v>802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86</v>
      </c>
      <c r="E1015" s="14">
        <v>74</v>
      </c>
      <c r="F1015" s="14">
        <v>73</v>
      </c>
      <c r="G1015" s="15">
        <v>147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56</v>
      </c>
      <c r="E1016" s="14">
        <v>430</v>
      </c>
      <c r="F1016" s="14">
        <v>418</v>
      </c>
      <c r="G1016" s="15">
        <v>848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6</v>
      </c>
      <c r="E1017" s="14">
        <v>273</v>
      </c>
      <c r="F1017" s="14">
        <v>226</v>
      </c>
      <c r="G1017" s="15">
        <v>499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5</v>
      </c>
      <c r="E1018" s="14">
        <v>48</v>
      </c>
      <c r="F1018" s="14">
        <v>36</v>
      </c>
      <c r="G1018" s="15">
        <v>84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55</v>
      </c>
      <c r="E1019" s="14">
        <v>300</v>
      </c>
      <c r="F1019" s="14">
        <v>223</v>
      </c>
      <c r="G1019" s="15">
        <v>523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6</v>
      </c>
      <c r="E1020" s="14">
        <v>12</v>
      </c>
      <c r="F1020" s="14">
        <v>7</v>
      </c>
      <c r="G1020" s="15">
        <v>19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80</v>
      </c>
      <c r="E1021" s="14">
        <v>210</v>
      </c>
      <c r="F1021" s="14">
        <v>223</v>
      </c>
      <c r="G1021" s="15">
        <v>433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4</v>
      </c>
      <c r="E1022" s="14">
        <v>254</v>
      </c>
      <c r="F1022" s="14">
        <v>285</v>
      </c>
      <c r="G1022" s="15">
        <v>539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2</v>
      </c>
      <c r="E1023" s="14">
        <v>37</v>
      </c>
      <c r="F1023" s="14">
        <v>24</v>
      </c>
      <c r="G1023" s="15">
        <v>61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44</v>
      </c>
      <c r="E1024" s="14">
        <v>352</v>
      </c>
      <c r="F1024" s="14">
        <v>363</v>
      </c>
      <c r="G1024" s="15">
        <v>715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1</v>
      </c>
      <c r="E1027" s="14">
        <v>148</v>
      </c>
      <c r="F1027" s="14">
        <v>130</v>
      </c>
      <c r="G1027" s="15">
        <v>278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30</v>
      </c>
      <c r="E1028" s="14">
        <v>709</v>
      </c>
      <c r="F1028" s="14">
        <v>699</v>
      </c>
      <c r="G1028" s="15">
        <v>1408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5</v>
      </c>
      <c r="E1029" s="14">
        <v>182</v>
      </c>
      <c r="F1029" s="14">
        <v>162</v>
      </c>
      <c r="G1029" s="15">
        <v>344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6</v>
      </c>
      <c r="E1030" s="14">
        <v>193</v>
      </c>
      <c r="F1030" s="14">
        <v>217</v>
      </c>
      <c r="G1030" s="15">
        <v>410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5</v>
      </c>
      <c r="E1031" s="14">
        <v>444</v>
      </c>
      <c r="F1031" s="14">
        <v>458</v>
      </c>
      <c r="G1031" s="15">
        <v>902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1</v>
      </c>
      <c r="E1032" s="14">
        <v>91</v>
      </c>
      <c r="F1032" s="14">
        <v>97</v>
      </c>
      <c r="G1032" s="15">
        <v>188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0</v>
      </c>
      <c r="E1033" s="14">
        <v>91</v>
      </c>
      <c r="F1033" s="14">
        <v>104</v>
      </c>
      <c r="G1033" s="15">
        <v>195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708</v>
      </c>
      <c r="E1035" s="14">
        <v>6346</v>
      </c>
      <c r="F1035" s="14">
        <v>6278</v>
      </c>
      <c r="G1035" s="15">
        <v>12624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673</v>
      </c>
      <c r="E1036" s="14">
        <v>155326</v>
      </c>
      <c r="F1036" s="14">
        <v>163558</v>
      </c>
      <c r="G1036" s="15">
        <v>318884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2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6</v>
      </c>
      <c r="E1042" s="14">
        <v>9</v>
      </c>
      <c r="F1042" s="14">
        <v>4</v>
      </c>
      <c r="G1042" s="15">
        <v>13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5</v>
      </c>
      <c r="F1043" s="14">
        <v>57</v>
      </c>
      <c r="G1043" s="15">
        <v>102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4</v>
      </c>
      <c r="E1044" s="14">
        <v>22</v>
      </c>
      <c r="F1044" s="14">
        <v>27</v>
      </c>
      <c r="G1044" s="15">
        <v>49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0</v>
      </c>
      <c r="G1045" s="15">
        <v>18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1</v>
      </c>
      <c r="E1047" s="14">
        <v>144</v>
      </c>
      <c r="F1047" s="14">
        <v>167</v>
      </c>
      <c r="G1047" s="15">
        <v>311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40</v>
      </c>
      <c r="E1048" s="14">
        <v>46</v>
      </c>
      <c r="F1048" s="14">
        <v>51</v>
      </c>
      <c r="G1048" s="15">
        <v>97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10</v>
      </c>
      <c r="E1049" s="14">
        <v>6</v>
      </c>
      <c r="F1049" s="14">
        <v>10</v>
      </c>
      <c r="G1049" s="15">
        <v>16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3</v>
      </c>
      <c r="E1050" s="14">
        <v>29</v>
      </c>
      <c r="F1050" s="14">
        <v>38</v>
      </c>
      <c r="G1050" s="15">
        <v>67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0</v>
      </c>
      <c r="E1051" s="14">
        <v>32</v>
      </c>
      <c r="F1051" s="14">
        <v>23</v>
      </c>
      <c r="G1051" s="15">
        <v>5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7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4</v>
      </c>
      <c r="E1055" s="14">
        <v>129</v>
      </c>
      <c r="F1055" s="14">
        <v>134</v>
      </c>
      <c r="G1055" s="15">
        <v>263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6</v>
      </c>
      <c r="E1056" s="14">
        <v>126</v>
      </c>
      <c r="F1056" s="14">
        <v>121</v>
      </c>
      <c r="G1056" s="15">
        <v>247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7</v>
      </c>
      <c r="E1058" s="14">
        <v>8</v>
      </c>
      <c r="F1058" s="14">
        <v>8</v>
      </c>
      <c r="G1058" s="15">
        <v>16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63</v>
      </c>
      <c r="E1059" s="14">
        <v>61</v>
      </c>
      <c r="F1059" s="14">
        <v>79</v>
      </c>
      <c r="G1059" s="15">
        <v>140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5</v>
      </c>
      <c r="E1060" s="14">
        <v>55</v>
      </c>
      <c r="F1060" s="14">
        <v>74</v>
      </c>
      <c r="G1060" s="15">
        <v>129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5</v>
      </c>
      <c r="E1061" s="14">
        <v>26</v>
      </c>
      <c r="F1061" s="14">
        <v>39</v>
      </c>
      <c r="G1061" s="15">
        <v>65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5</v>
      </c>
      <c r="E1062" s="14">
        <v>127</v>
      </c>
      <c r="F1062" s="14">
        <v>105</v>
      </c>
      <c r="G1062" s="15">
        <v>232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3</v>
      </c>
      <c r="E1063" s="14">
        <v>94</v>
      </c>
      <c r="F1063" s="14">
        <v>102</v>
      </c>
      <c r="G1063" s="15">
        <v>196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59</v>
      </c>
      <c r="E1064" s="14">
        <v>222</v>
      </c>
      <c r="F1064" s="14">
        <v>138</v>
      </c>
      <c r="G1064" s="15">
        <v>360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4</v>
      </c>
      <c r="E1065" s="14">
        <v>83</v>
      </c>
      <c r="F1065" s="14">
        <v>108</v>
      </c>
      <c r="G1065" s="15">
        <v>191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8</v>
      </c>
      <c r="E1066" s="14">
        <v>60</v>
      </c>
      <c r="F1066" s="14">
        <v>59</v>
      </c>
      <c r="G1066" s="15">
        <v>119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1</v>
      </c>
      <c r="E1067" s="14">
        <v>28</v>
      </c>
      <c r="F1067" s="14">
        <v>30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7</v>
      </c>
      <c r="G1068" s="15">
        <v>98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24</v>
      </c>
      <c r="E1070" s="14">
        <v>1032</v>
      </c>
      <c r="F1070" s="14">
        <v>1007</v>
      </c>
      <c r="G1070" s="15">
        <v>2039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6</v>
      </c>
      <c r="E1071" s="14">
        <v>16</v>
      </c>
      <c r="F1071" s="14">
        <v>17</v>
      </c>
      <c r="G1071" s="15">
        <v>33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5</v>
      </c>
      <c r="E1072" s="14">
        <v>52</v>
      </c>
      <c r="F1072" s="14">
        <v>56</v>
      </c>
      <c r="G1072" s="15">
        <v>108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5</v>
      </c>
      <c r="E1073" s="14">
        <v>43</v>
      </c>
      <c r="F1073" s="14">
        <v>46</v>
      </c>
      <c r="G1073" s="15">
        <v>89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1</v>
      </c>
      <c r="E1074" s="14">
        <v>79</v>
      </c>
      <c r="F1074" s="14">
        <v>103</v>
      </c>
      <c r="G1074" s="15">
        <v>182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8</v>
      </c>
      <c r="E1075" s="14">
        <v>53</v>
      </c>
      <c r="F1075" s="14">
        <v>64</v>
      </c>
      <c r="G1075" s="15">
        <v>117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3</v>
      </c>
      <c r="E1076" s="14">
        <v>84</v>
      </c>
      <c r="F1076" s="14">
        <v>98</v>
      </c>
      <c r="G1076" s="15">
        <v>182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79</v>
      </c>
      <c r="F1077" s="14">
        <v>82</v>
      </c>
      <c r="G1077" s="15">
        <v>161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8</v>
      </c>
      <c r="E1078" s="14">
        <v>118</v>
      </c>
      <c r="F1078" s="14">
        <v>153</v>
      </c>
      <c r="G1078" s="15">
        <v>271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6</v>
      </c>
      <c r="E1079" s="14">
        <v>138</v>
      </c>
      <c r="F1079" s="14">
        <v>136</v>
      </c>
      <c r="G1079" s="15">
        <v>274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5</v>
      </c>
      <c r="E1080" s="14">
        <v>56</v>
      </c>
      <c r="F1080" s="14">
        <v>87</v>
      </c>
      <c r="G1080" s="15">
        <v>143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0</v>
      </c>
      <c r="E1081" s="14">
        <v>120</v>
      </c>
      <c r="F1081" s="14">
        <v>104</v>
      </c>
      <c r="G1081" s="15">
        <v>224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8</v>
      </c>
      <c r="E1082" s="14">
        <v>74</v>
      </c>
      <c r="F1082" s="14">
        <v>93</v>
      </c>
      <c r="G1082" s="15">
        <v>167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2</v>
      </c>
      <c r="E1083" s="14">
        <v>57</v>
      </c>
      <c r="F1083" s="14">
        <v>54</v>
      </c>
      <c r="G1083" s="15">
        <v>111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77</v>
      </c>
      <c r="E1085" s="14">
        <v>95</v>
      </c>
      <c r="F1085" s="14">
        <v>93</v>
      </c>
      <c r="G1085" s="15">
        <v>188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75</v>
      </c>
      <c r="E1086" s="14">
        <v>91</v>
      </c>
      <c r="F1086" s="14">
        <v>83</v>
      </c>
      <c r="G1086" s="15">
        <v>174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9</v>
      </c>
      <c r="E1087" s="14">
        <v>57</v>
      </c>
      <c r="F1087" s="14">
        <v>57</v>
      </c>
      <c r="G1087" s="15">
        <v>114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4</v>
      </c>
      <c r="E1088" s="14">
        <v>21</v>
      </c>
      <c r="F1088" s="14">
        <v>25</v>
      </c>
      <c r="G1088" s="15">
        <v>46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7</v>
      </c>
      <c r="E1089" s="14">
        <v>42</v>
      </c>
      <c r="F1089" s="14">
        <v>49</v>
      </c>
      <c r="G1089" s="15">
        <v>91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0</v>
      </c>
      <c r="E1090" s="14">
        <v>56</v>
      </c>
      <c r="F1090" s="14">
        <v>62</v>
      </c>
      <c r="G1090" s="15">
        <v>118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8</v>
      </c>
      <c r="E1091" s="14">
        <v>59</v>
      </c>
      <c r="F1091" s="14">
        <v>53</v>
      </c>
      <c r="G1091" s="15">
        <v>112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2</v>
      </c>
      <c r="E1092" s="14">
        <v>50</v>
      </c>
      <c r="F1092" s="14">
        <v>59</v>
      </c>
      <c r="G1092" s="15">
        <v>109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3</v>
      </c>
      <c r="E1093" s="14">
        <v>87</v>
      </c>
      <c r="F1093" s="14">
        <v>95</v>
      </c>
      <c r="G1093" s="15">
        <v>182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2</v>
      </c>
      <c r="E1094" s="14">
        <v>186</v>
      </c>
      <c r="F1094" s="14">
        <v>193</v>
      </c>
      <c r="G1094" s="15">
        <v>379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413</v>
      </c>
      <c r="E1095" s="14">
        <v>457</v>
      </c>
      <c r="F1095" s="14">
        <v>476</v>
      </c>
      <c r="G1095" s="15">
        <v>933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5</v>
      </c>
      <c r="E1096" s="14">
        <v>111</v>
      </c>
      <c r="F1096" s="14">
        <v>129</v>
      </c>
      <c r="G1096" s="15">
        <v>240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6</v>
      </c>
      <c r="E1097" s="14">
        <v>54</v>
      </c>
      <c r="F1097" s="14">
        <v>61</v>
      </c>
      <c r="G1097" s="15">
        <v>115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9</v>
      </c>
      <c r="E1098" s="14">
        <v>135</v>
      </c>
      <c r="F1098" s="14">
        <v>123</v>
      </c>
      <c r="G1098" s="15">
        <v>258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2</v>
      </c>
      <c r="E1099" s="14">
        <v>194</v>
      </c>
      <c r="F1099" s="14">
        <v>200</v>
      </c>
      <c r="G1099" s="15">
        <v>394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4</v>
      </c>
      <c r="E1100" s="14">
        <v>85</v>
      </c>
      <c r="F1100" s="14">
        <v>89</v>
      </c>
      <c r="G1100" s="15">
        <v>174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91</v>
      </c>
      <c r="E1101" s="14">
        <v>237</v>
      </c>
      <c r="F1101" s="14">
        <v>242</v>
      </c>
      <c r="G1101" s="15">
        <v>479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5</v>
      </c>
      <c r="E1102" s="14">
        <v>142</v>
      </c>
      <c r="F1102" s="14">
        <v>145</v>
      </c>
      <c r="G1102" s="15">
        <v>287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3</v>
      </c>
      <c r="E1103" s="14">
        <v>126</v>
      </c>
      <c r="F1103" s="14">
        <v>121</v>
      </c>
      <c r="G1103" s="15">
        <v>247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1</v>
      </c>
      <c r="E1104" s="14">
        <v>103</v>
      </c>
      <c r="F1104" s="14">
        <v>105</v>
      </c>
      <c r="G1104" s="15">
        <v>208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3</v>
      </c>
      <c r="E1105" s="14">
        <v>22</v>
      </c>
      <c r="F1105" s="14">
        <v>29</v>
      </c>
      <c r="G1105" s="15">
        <v>51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8</v>
      </c>
      <c r="E1106" s="14">
        <v>10</v>
      </c>
      <c r="F1106" s="14">
        <v>11</v>
      </c>
      <c r="G1106" s="15">
        <v>21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74</v>
      </c>
      <c r="E1107" s="14">
        <v>327</v>
      </c>
      <c r="F1107" s="14">
        <v>339</v>
      </c>
      <c r="G1107" s="15">
        <v>666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0</v>
      </c>
      <c r="E1108" s="14">
        <v>252</v>
      </c>
      <c r="F1108" s="14">
        <v>273</v>
      </c>
      <c r="G1108" s="15">
        <v>525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23</v>
      </c>
      <c r="E1109" s="14">
        <v>250</v>
      </c>
      <c r="F1109" s="14">
        <v>273</v>
      </c>
      <c r="G1109" s="15">
        <v>523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38</v>
      </c>
      <c r="E1110" s="14">
        <v>157</v>
      </c>
      <c r="F1110" s="14">
        <v>183</v>
      </c>
      <c r="G1110" s="15">
        <v>340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79</v>
      </c>
      <c r="E1111" s="14">
        <v>98</v>
      </c>
      <c r="F1111" s="14">
        <v>101</v>
      </c>
      <c r="G1111" s="15">
        <v>199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50</v>
      </c>
      <c r="E1112" s="14">
        <v>160</v>
      </c>
      <c r="F1112" s="14">
        <v>170</v>
      </c>
      <c r="G1112" s="15">
        <v>330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4</v>
      </c>
      <c r="E1113" s="14">
        <v>294</v>
      </c>
      <c r="F1113" s="14">
        <v>313</v>
      </c>
      <c r="G1113" s="15">
        <v>607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199</v>
      </c>
      <c r="E1114" s="14">
        <v>227</v>
      </c>
      <c r="F1114" s="14">
        <v>250</v>
      </c>
      <c r="G1114" s="15">
        <v>477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9</v>
      </c>
      <c r="E1115" s="14">
        <v>318</v>
      </c>
      <c r="F1115" s="14">
        <v>313</v>
      </c>
      <c r="G1115" s="15">
        <v>631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71</v>
      </c>
      <c r="E1116" s="14">
        <v>5473</v>
      </c>
      <c r="F1116" s="14">
        <v>5820</v>
      </c>
      <c r="G1116" s="15">
        <v>11293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12</v>
      </c>
      <c r="E1117" s="14">
        <v>392</v>
      </c>
      <c r="F1117" s="14">
        <v>409</v>
      </c>
      <c r="G1117" s="15">
        <v>801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81</v>
      </c>
      <c r="E1118" s="14">
        <v>514</v>
      </c>
      <c r="F1118" s="14">
        <v>539</v>
      </c>
      <c r="G1118" s="15">
        <v>1053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1</v>
      </c>
      <c r="F1119" s="14">
        <v>78</v>
      </c>
      <c r="G1119" s="15">
        <v>159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76</v>
      </c>
      <c r="E1120" s="14">
        <v>617</v>
      </c>
      <c r="F1120" s="14">
        <v>684</v>
      </c>
      <c r="G1120" s="15">
        <v>1301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1</v>
      </c>
      <c r="E1121" s="14">
        <v>216</v>
      </c>
      <c r="F1121" s="14">
        <v>219</v>
      </c>
      <c r="G1121" s="15">
        <v>435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48</v>
      </c>
      <c r="E1122" s="14">
        <v>182</v>
      </c>
      <c r="F1122" s="14">
        <v>201</v>
      </c>
      <c r="G1122" s="15">
        <v>383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01</v>
      </c>
      <c r="E1123" s="14">
        <v>106</v>
      </c>
      <c r="F1123" s="14">
        <v>102</v>
      </c>
      <c r="G1123" s="15">
        <v>208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103</v>
      </c>
      <c r="E1124" s="14">
        <v>156</v>
      </c>
      <c r="F1124" s="14">
        <v>138</v>
      </c>
      <c r="G1124" s="15">
        <v>294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5</v>
      </c>
      <c r="E1125" s="14">
        <v>179</v>
      </c>
      <c r="F1125" s="14">
        <v>193</v>
      </c>
      <c r="G1125" s="15">
        <v>372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9</v>
      </c>
      <c r="E1126" s="14">
        <v>91</v>
      </c>
      <c r="F1126" s="14">
        <v>102</v>
      </c>
      <c r="G1126" s="15">
        <v>193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85</v>
      </c>
      <c r="E1127" s="14">
        <v>78</v>
      </c>
      <c r="F1127" s="14">
        <v>24</v>
      </c>
      <c r="G1127" s="15">
        <v>102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67</v>
      </c>
      <c r="E1128" s="14">
        <v>225</v>
      </c>
      <c r="F1128" s="14">
        <v>218</v>
      </c>
      <c r="G1128" s="15">
        <v>443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0</v>
      </c>
      <c r="E1129" s="14">
        <v>31</v>
      </c>
      <c r="F1129" s="14">
        <v>43</v>
      </c>
      <c r="G1129" s="15">
        <v>74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2</v>
      </c>
      <c r="E1130" s="14">
        <v>43</v>
      </c>
      <c r="F1130" s="14">
        <v>40</v>
      </c>
      <c r="G1130" s="15">
        <v>83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102</v>
      </c>
      <c r="E1131" s="14">
        <v>138</v>
      </c>
      <c r="F1131" s="14">
        <v>139</v>
      </c>
      <c r="G1131" s="15">
        <v>277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14</v>
      </c>
      <c r="E1132" s="14">
        <v>370</v>
      </c>
      <c r="F1132" s="14">
        <v>362</v>
      </c>
      <c r="G1132" s="15">
        <v>732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4</v>
      </c>
      <c r="F1134" s="14">
        <v>101</v>
      </c>
      <c r="G1134" s="15">
        <v>185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18</v>
      </c>
      <c r="E1135" s="14">
        <v>135</v>
      </c>
      <c r="F1135" s="14">
        <v>126</v>
      </c>
      <c r="G1135" s="15">
        <v>261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5</v>
      </c>
      <c r="E1136" s="14">
        <v>70</v>
      </c>
      <c r="F1136" s="14">
        <v>60</v>
      </c>
      <c r="G1136" s="15">
        <v>130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6</v>
      </c>
      <c r="E1137" s="14">
        <v>73</v>
      </c>
      <c r="F1137" s="14">
        <v>72</v>
      </c>
      <c r="G1137" s="15">
        <v>145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3018</v>
      </c>
      <c r="E1138" s="14">
        <v>3793</v>
      </c>
      <c r="F1138" s="14">
        <v>3863</v>
      </c>
      <c r="G1138" s="15">
        <v>7656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9058</v>
      </c>
      <c r="E1139" s="14">
        <v>10571</v>
      </c>
      <c r="F1139" s="14">
        <v>10991</v>
      </c>
      <c r="G1139" s="15">
        <v>21562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69</v>
      </c>
      <c r="F1140" s="14">
        <v>77</v>
      </c>
      <c r="G1140" s="15">
        <v>146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1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7</v>
      </c>
      <c r="E1143" s="14">
        <v>58</v>
      </c>
      <c r="F1143" s="14">
        <v>50</v>
      </c>
      <c r="G1143" s="15">
        <v>108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3</v>
      </c>
      <c r="F1144" s="14">
        <v>72</v>
      </c>
      <c r="G1144" s="15">
        <v>135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0</v>
      </c>
      <c r="F1145" s="14">
        <v>76</v>
      </c>
      <c r="G1145" s="15">
        <v>136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7</v>
      </c>
      <c r="E1146" s="14">
        <v>53</v>
      </c>
      <c r="F1146" s="14">
        <v>58</v>
      </c>
      <c r="G1146" s="15">
        <v>111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8</v>
      </c>
      <c r="E1147" s="14">
        <v>186</v>
      </c>
      <c r="F1147" s="14">
        <v>194</v>
      </c>
      <c r="G1147" s="15">
        <v>380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8</v>
      </c>
      <c r="E1148" s="14">
        <v>26</v>
      </c>
      <c r="F1148" s="14">
        <v>23</v>
      </c>
      <c r="G1148" s="15">
        <v>49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50</v>
      </c>
      <c r="E1149" s="14">
        <v>52</v>
      </c>
      <c r="F1149" s="14">
        <v>65</v>
      </c>
      <c r="G1149" s="15">
        <v>117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5</v>
      </c>
      <c r="E1150" s="14">
        <v>233</v>
      </c>
      <c r="F1150" s="14">
        <v>240</v>
      </c>
      <c r="G1150" s="15">
        <v>473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7</v>
      </c>
      <c r="E1151" s="14">
        <v>242</v>
      </c>
      <c r="F1151" s="14">
        <v>265</v>
      </c>
      <c r="G1151" s="15">
        <v>507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3</v>
      </c>
      <c r="E1152" s="14">
        <v>22</v>
      </c>
      <c r="F1152" s="14">
        <v>35</v>
      </c>
      <c r="G1152" s="15">
        <v>57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49</v>
      </c>
      <c r="E1153" s="14">
        <v>164</v>
      </c>
      <c r="F1153" s="14">
        <v>179</v>
      </c>
      <c r="G1153" s="15">
        <v>343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3</v>
      </c>
      <c r="E1154" s="14">
        <v>35</v>
      </c>
      <c r="F1154" s="14">
        <v>45</v>
      </c>
      <c r="G1154" s="15">
        <v>80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43</v>
      </c>
      <c r="E1155" s="14">
        <v>1280</v>
      </c>
      <c r="F1155" s="14">
        <v>1392</v>
      </c>
      <c r="G1155" s="15">
        <v>2672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79</v>
      </c>
      <c r="E1156" s="14">
        <v>85</v>
      </c>
      <c r="F1156" s="14">
        <v>95</v>
      </c>
      <c r="G1156" s="15">
        <v>18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2</v>
      </c>
      <c r="G1157" s="15">
        <v>2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8</v>
      </c>
      <c r="E1158" s="14">
        <v>12</v>
      </c>
      <c r="F1158" s="14">
        <v>6</v>
      </c>
      <c r="G1158" s="15">
        <v>18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2</v>
      </c>
      <c r="F1162" s="14">
        <v>15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9</v>
      </c>
      <c r="E1163" s="14">
        <v>6</v>
      </c>
      <c r="F1163" s="14">
        <v>12</v>
      </c>
      <c r="G1163" s="15">
        <v>18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5</v>
      </c>
      <c r="E1166" s="14">
        <v>9</v>
      </c>
      <c r="F1166" s="14">
        <v>18</v>
      </c>
      <c r="G1166" s="15">
        <v>27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1</v>
      </c>
      <c r="F1167" s="14">
        <v>52</v>
      </c>
      <c r="G1167" s="15">
        <v>103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45</v>
      </c>
      <c r="E1168" s="14">
        <v>50</v>
      </c>
      <c r="F1168" s="14">
        <v>60</v>
      </c>
      <c r="G1168" s="15">
        <v>110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36</v>
      </c>
      <c r="E1169" s="14">
        <v>43</v>
      </c>
      <c r="F1169" s="14">
        <v>46</v>
      </c>
      <c r="G1169" s="15">
        <v>89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16</v>
      </c>
      <c r="E1170" s="14">
        <v>17</v>
      </c>
      <c r="F1170" s="14">
        <v>17</v>
      </c>
      <c r="G1170" s="15">
        <v>34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6</v>
      </c>
      <c r="E1171" s="14">
        <v>8</v>
      </c>
      <c r="F1171" s="14">
        <v>12</v>
      </c>
      <c r="G1171" s="15">
        <v>20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62</v>
      </c>
      <c r="E1172" s="14">
        <v>47</v>
      </c>
      <c r="F1172" s="14">
        <v>76</v>
      </c>
      <c r="G1172" s="15">
        <v>123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376</v>
      </c>
      <c r="E1173" s="14">
        <v>376</v>
      </c>
      <c r="F1173" s="14">
        <v>462</v>
      </c>
      <c r="G1173" s="15">
        <v>838</v>
      </c>
    </row>
    <row r="1174" spans="1:7" x14ac:dyDescent="0.2">
      <c r="A1174" s="18">
        <v>203</v>
      </c>
      <c r="B1174" s="19" t="s">
        <v>1214</v>
      </c>
      <c r="C1174" s="12" t="s">
        <v>1215</v>
      </c>
      <c r="D1174" s="13">
        <v>244</v>
      </c>
      <c r="E1174" s="14">
        <v>334</v>
      </c>
      <c r="F1174" s="14">
        <v>361</v>
      </c>
      <c r="G1174" s="15">
        <v>695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165</v>
      </c>
      <c r="E1175" s="14">
        <v>229</v>
      </c>
      <c r="F1175" s="14">
        <v>248</v>
      </c>
      <c r="G1175" s="15">
        <v>477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49</v>
      </c>
      <c r="E1176" s="14">
        <v>63</v>
      </c>
      <c r="F1176" s="14">
        <v>66</v>
      </c>
      <c r="G1176" s="15">
        <v>129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32</v>
      </c>
      <c r="E1177" s="14">
        <v>37</v>
      </c>
      <c r="F1177" s="14">
        <v>32</v>
      </c>
      <c r="G1177" s="15">
        <v>69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79</v>
      </c>
      <c r="E1178" s="14">
        <v>99</v>
      </c>
      <c r="F1178" s="14">
        <v>77</v>
      </c>
      <c r="G1178" s="15">
        <v>176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47</v>
      </c>
      <c r="E1179" s="14">
        <v>62</v>
      </c>
      <c r="F1179" s="14">
        <v>61</v>
      </c>
      <c r="G1179" s="15">
        <v>123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14</v>
      </c>
      <c r="E1180" s="14">
        <v>11</v>
      </c>
      <c r="F1180" s="14">
        <v>17</v>
      </c>
      <c r="G1180" s="15">
        <v>28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80</v>
      </c>
      <c r="E1181" s="14">
        <v>93</v>
      </c>
      <c r="F1181" s="14">
        <v>106</v>
      </c>
      <c r="G1181" s="15">
        <v>199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46</v>
      </c>
      <c r="E1182" s="14">
        <v>66</v>
      </c>
      <c r="F1182" s="14">
        <v>60</v>
      </c>
      <c r="G1182" s="15">
        <v>126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134</v>
      </c>
      <c r="E1183" s="14">
        <v>166</v>
      </c>
      <c r="F1183" s="14">
        <v>181</v>
      </c>
      <c r="G1183" s="15">
        <v>347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9</v>
      </c>
      <c r="E1184" s="14">
        <v>20</v>
      </c>
      <c r="F1184" s="14">
        <v>21</v>
      </c>
      <c r="G1184" s="15">
        <v>41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33</v>
      </c>
      <c r="E1185" s="14">
        <v>51</v>
      </c>
      <c r="F1185" s="14">
        <v>46</v>
      </c>
      <c r="G1185" s="15">
        <v>97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19</v>
      </c>
      <c r="E1186" s="14">
        <v>17</v>
      </c>
      <c r="F1186" s="14">
        <v>23</v>
      </c>
      <c r="G1186" s="15">
        <v>40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46</v>
      </c>
      <c r="E1187" s="14">
        <v>72</v>
      </c>
      <c r="F1187" s="14">
        <v>63</v>
      </c>
      <c r="G1187" s="15">
        <v>135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103</v>
      </c>
      <c r="E1188" s="14">
        <v>129</v>
      </c>
      <c r="F1188" s="14">
        <v>135</v>
      </c>
      <c r="G1188" s="15">
        <v>264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20</v>
      </c>
      <c r="E1189" s="14">
        <v>19</v>
      </c>
      <c r="F1189" s="14">
        <v>16</v>
      </c>
      <c r="G1189" s="15">
        <v>35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155</v>
      </c>
      <c r="E1190" s="14">
        <v>194</v>
      </c>
      <c r="F1190" s="14">
        <v>191</v>
      </c>
      <c r="G1190" s="15">
        <v>385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26</v>
      </c>
      <c r="E1191" s="14">
        <v>3</v>
      </c>
      <c r="F1191" s="14">
        <v>23</v>
      </c>
      <c r="G1191" s="15">
        <v>26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55</v>
      </c>
      <c r="E1192" s="14">
        <v>89</v>
      </c>
      <c r="F1192" s="14">
        <v>79</v>
      </c>
      <c r="G1192" s="15">
        <v>168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211</v>
      </c>
      <c r="E1193" s="14">
        <v>279</v>
      </c>
      <c r="F1193" s="14">
        <v>301</v>
      </c>
      <c r="G1193" s="15">
        <v>580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61</v>
      </c>
      <c r="E1194" s="14">
        <v>89</v>
      </c>
      <c r="F1194" s="14">
        <v>77</v>
      </c>
      <c r="G1194" s="15">
        <v>166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31</v>
      </c>
      <c r="E1195" s="14">
        <v>34</v>
      </c>
      <c r="F1195" s="14">
        <v>39</v>
      </c>
      <c r="G1195" s="15">
        <v>73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54</v>
      </c>
      <c r="E1196" s="14">
        <v>81</v>
      </c>
      <c r="F1196" s="14">
        <v>73</v>
      </c>
      <c r="G1196" s="15">
        <v>154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9</v>
      </c>
      <c r="E1197" s="14">
        <v>84</v>
      </c>
      <c r="F1197" s="14">
        <v>97</v>
      </c>
      <c r="G1197" s="15">
        <v>181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88</v>
      </c>
      <c r="E1198" s="14">
        <v>127</v>
      </c>
      <c r="F1198" s="14">
        <v>115</v>
      </c>
      <c r="G1198" s="15">
        <v>242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1870</v>
      </c>
      <c r="E1199" s="14">
        <v>2448</v>
      </c>
      <c r="F1199" s="14">
        <v>2508</v>
      </c>
      <c r="G1199" s="15">
        <v>4956</v>
      </c>
    </row>
    <row r="1200" spans="1:7" x14ac:dyDescent="0.2">
      <c r="A1200" s="18">
        <v>204</v>
      </c>
      <c r="B1200" s="19" t="s">
        <v>1241</v>
      </c>
      <c r="C1200" s="12" t="s">
        <v>1242</v>
      </c>
      <c r="D1200" s="13">
        <v>21</v>
      </c>
      <c r="E1200" s="14">
        <v>28</v>
      </c>
      <c r="F1200" s="14">
        <v>31</v>
      </c>
      <c r="G1200" s="15">
        <v>59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57</v>
      </c>
      <c r="E1201" s="14">
        <v>70</v>
      </c>
      <c r="F1201" s="14">
        <v>75</v>
      </c>
      <c r="G1201" s="15">
        <v>145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32</v>
      </c>
      <c r="E1202" s="14">
        <v>43</v>
      </c>
      <c r="F1202" s="14">
        <v>46</v>
      </c>
      <c r="G1202" s="15">
        <v>89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1</v>
      </c>
      <c r="E1203" s="14">
        <v>41</v>
      </c>
      <c r="F1203" s="14">
        <v>47</v>
      </c>
      <c r="G1203" s="15">
        <v>88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0</v>
      </c>
      <c r="E1204" s="14">
        <v>28</v>
      </c>
      <c r="F1204" s="14">
        <v>28</v>
      </c>
      <c r="G1204" s="15">
        <v>56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5</v>
      </c>
      <c r="F1205" s="14">
        <v>24</v>
      </c>
      <c r="G1205" s="15">
        <v>49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1</v>
      </c>
      <c r="E1206" s="14">
        <v>1</v>
      </c>
      <c r="F1206" s="14">
        <v>0</v>
      </c>
      <c r="G1206" s="15">
        <v>1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27</v>
      </c>
      <c r="E1207" s="14">
        <v>31</v>
      </c>
      <c r="F1207" s="14">
        <v>34</v>
      </c>
      <c r="G1207" s="15">
        <v>65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3</v>
      </c>
      <c r="E1208" s="14">
        <v>3</v>
      </c>
      <c r="F1208" s="14">
        <v>2</v>
      </c>
      <c r="G1208" s="15">
        <v>5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38</v>
      </c>
      <c r="E1209" s="14">
        <v>49</v>
      </c>
      <c r="F1209" s="14">
        <v>61</v>
      </c>
      <c r="G1209" s="15">
        <v>110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10</v>
      </c>
      <c r="E1210" s="14">
        <v>7</v>
      </c>
      <c r="F1210" s="14">
        <v>10</v>
      </c>
      <c r="G1210" s="15">
        <v>17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5</v>
      </c>
      <c r="E1211" s="14">
        <v>18</v>
      </c>
      <c r="F1211" s="14">
        <v>18</v>
      </c>
      <c r="G1211" s="15">
        <v>36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4</v>
      </c>
      <c r="E1212" s="14">
        <v>5</v>
      </c>
      <c r="F1212" s="14">
        <v>8</v>
      </c>
      <c r="G1212" s="15">
        <v>13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2</v>
      </c>
      <c r="E1213" s="14">
        <v>3</v>
      </c>
      <c r="F1213" s="14">
        <v>2</v>
      </c>
      <c r="G1213" s="15">
        <v>5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1</v>
      </c>
      <c r="F1214" s="14">
        <v>0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1</v>
      </c>
      <c r="F1217" s="14">
        <v>0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62</v>
      </c>
      <c r="E1218" s="14">
        <v>49</v>
      </c>
      <c r="F1218" s="14">
        <v>32</v>
      </c>
      <c r="G1218" s="15">
        <v>81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11</v>
      </c>
      <c r="E1219" s="14">
        <v>17</v>
      </c>
      <c r="F1219" s="14">
        <v>19</v>
      </c>
      <c r="G1219" s="15">
        <v>36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6</v>
      </c>
      <c r="E1220" s="14">
        <v>2</v>
      </c>
      <c r="F1220" s="14">
        <v>4</v>
      </c>
      <c r="G1220" s="15">
        <v>6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364</v>
      </c>
      <c r="E1221" s="14">
        <v>422</v>
      </c>
      <c r="F1221" s="14">
        <v>443</v>
      </c>
      <c r="G1221" s="15">
        <v>865</v>
      </c>
    </row>
    <row r="1222" spans="1:7" x14ac:dyDescent="0.2">
      <c r="A1222" s="18">
        <v>299</v>
      </c>
      <c r="B1222" s="19" t="s">
        <v>1264</v>
      </c>
      <c r="C1222" s="12" t="s">
        <v>1264</v>
      </c>
      <c r="D1222" s="13">
        <v>3753</v>
      </c>
      <c r="E1222" s="14">
        <v>4526</v>
      </c>
      <c r="F1222" s="14">
        <v>4805</v>
      </c>
      <c r="G1222" s="15">
        <v>9331</v>
      </c>
    </row>
    <row r="1223" spans="1:7" x14ac:dyDescent="0.2">
      <c r="A1223" s="18">
        <v>301</v>
      </c>
      <c r="B1223" s="19" t="s">
        <v>1265</v>
      </c>
      <c r="C1223" s="12" t="s">
        <v>1266</v>
      </c>
      <c r="D1223" s="13">
        <v>91</v>
      </c>
      <c r="E1223" s="14">
        <v>106</v>
      </c>
      <c r="F1223" s="14">
        <v>113</v>
      </c>
      <c r="G1223" s="15">
        <v>219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11</v>
      </c>
      <c r="E1224" s="14">
        <v>129</v>
      </c>
      <c r="F1224" s="14">
        <v>145</v>
      </c>
      <c r="G1224" s="15">
        <v>274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01</v>
      </c>
      <c r="E1225" s="14">
        <v>110</v>
      </c>
      <c r="F1225" s="14">
        <v>127</v>
      </c>
      <c r="G1225" s="15">
        <v>237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38</v>
      </c>
      <c r="E1226" s="14">
        <v>139</v>
      </c>
      <c r="F1226" s="14">
        <v>162</v>
      </c>
      <c r="G1226" s="15">
        <v>301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80</v>
      </c>
      <c r="E1227" s="14">
        <v>94</v>
      </c>
      <c r="F1227" s="14">
        <v>101</v>
      </c>
      <c r="G1227" s="15">
        <v>19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120</v>
      </c>
      <c r="E1228" s="14">
        <v>122</v>
      </c>
      <c r="F1228" s="14">
        <v>103</v>
      </c>
      <c r="G1228" s="15">
        <v>225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21</v>
      </c>
      <c r="E1229" s="14">
        <v>22</v>
      </c>
      <c r="F1229" s="14">
        <v>30</v>
      </c>
      <c r="G1229" s="15">
        <v>52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32</v>
      </c>
      <c r="E1230" s="14">
        <v>48</v>
      </c>
      <c r="F1230" s="14">
        <v>53</v>
      </c>
      <c r="G1230" s="15">
        <v>101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110</v>
      </c>
      <c r="E1231" s="14">
        <v>116</v>
      </c>
      <c r="F1231" s="14">
        <v>124</v>
      </c>
      <c r="G1231" s="15">
        <v>240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66</v>
      </c>
      <c r="E1232" s="14">
        <v>86</v>
      </c>
      <c r="F1232" s="14">
        <v>97</v>
      </c>
      <c r="G1232" s="15">
        <v>183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870</v>
      </c>
      <c r="E1233" s="14">
        <v>972</v>
      </c>
      <c r="F1233" s="14">
        <v>1055</v>
      </c>
      <c r="G1233" s="15">
        <v>2027</v>
      </c>
    </row>
    <row r="1234" spans="1:7" x14ac:dyDescent="0.2">
      <c r="A1234" s="18">
        <v>302</v>
      </c>
      <c r="B1234" s="19" t="s">
        <v>1277</v>
      </c>
      <c r="C1234" s="12" t="s">
        <v>1278</v>
      </c>
      <c r="D1234" s="13">
        <v>139</v>
      </c>
      <c r="E1234" s="14">
        <v>199</v>
      </c>
      <c r="F1234" s="14">
        <v>211</v>
      </c>
      <c r="G1234" s="15">
        <v>410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18</v>
      </c>
      <c r="E1235" s="14">
        <v>33</v>
      </c>
      <c r="F1235" s="14">
        <v>29</v>
      </c>
      <c r="G1235" s="15">
        <v>62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52</v>
      </c>
      <c r="E1236" s="14">
        <v>82</v>
      </c>
      <c r="F1236" s="14">
        <v>80</v>
      </c>
      <c r="G1236" s="15">
        <v>162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28</v>
      </c>
      <c r="E1237" s="14">
        <v>41</v>
      </c>
      <c r="F1237" s="14">
        <v>35</v>
      </c>
      <c r="G1237" s="15">
        <v>76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58</v>
      </c>
      <c r="E1238" s="14">
        <v>90</v>
      </c>
      <c r="F1238" s="14">
        <v>94</v>
      </c>
      <c r="G1238" s="15">
        <v>184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79</v>
      </c>
      <c r="E1239" s="14">
        <v>100</v>
      </c>
      <c r="F1239" s="14">
        <v>97</v>
      </c>
      <c r="G1239" s="15">
        <v>197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7</v>
      </c>
      <c r="E1240" s="14">
        <v>111</v>
      </c>
      <c r="F1240" s="14">
        <v>113</v>
      </c>
      <c r="G1240" s="15">
        <v>224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4</v>
      </c>
      <c r="E1241" s="14">
        <v>4</v>
      </c>
      <c r="F1241" s="14">
        <v>9</v>
      </c>
      <c r="G1241" s="15">
        <v>13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32</v>
      </c>
      <c r="E1242" s="14">
        <v>47</v>
      </c>
      <c r="F1242" s="14">
        <v>46</v>
      </c>
      <c r="G1242" s="15">
        <v>93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153</v>
      </c>
      <c r="E1243" s="14">
        <v>211</v>
      </c>
      <c r="F1243" s="14">
        <v>216</v>
      </c>
      <c r="G1243" s="15">
        <v>427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37</v>
      </c>
      <c r="E1244" s="14">
        <v>58</v>
      </c>
      <c r="F1244" s="14">
        <v>59</v>
      </c>
      <c r="G1244" s="15">
        <v>117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46</v>
      </c>
      <c r="E1245" s="14">
        <v>73</v>
      </c>
      <c r="F1245" s="14">
        <v>64</v>
      </c>
      <c r="G1245" s="15">
        <v>137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89</v>
      </c>
      <c r="E1246" s="14">
        <v>114</v>
      </c>
      <c r="F1246" s="14">
        <v>120</v>
      </c>
      <c r="G1246" s="15">
        <v>234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39</v>
      </c>
      <c r="E1247" s="14">
        <v>51</v>
      </c>
      <c r="F1247" s="14">
        <v>52</v>
      </c>
      <c r="G1247" s="15">
        <v>103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2</v>
      </c>
      <c r="E1248" s="14">
        <v>35</v>
      </c>
      <c r="F1248" s="14">
        <v>47</v>
      </c>
      <c r="G1248" s="15">
        <v>82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96</v>
      </c>
      <c r="E1249" s="14">
        <v>128</v>
      </c>
      <c r="F1249" s="14">
        <v>140</v>
      </c>
      <c r="G1249" s="15">
        <v>268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65</v>
      </c>
      <c r="E1250" s="14">
        <v>103</v>
      </c>
      <c r="F1250" s="14">
        <v>100</v>
      </c>
      <c r="G1250" s="15">
        <v>203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396</v>
      </c>
      <c r="E1251" s="14">
        <v>445</v>
      </c>
      <c r="F1251" s="14">
        <v>456</v>
      </c>
      <c r="G1251" s="15">
        <v>901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06</v>
      </c>
      <c r="E1252" s="14">
        <v>398</v>
      </c>
      <c r="F1252" s="14">
        <v>357</v>
      </c>
      <c r="G1252" s="15">
        <v>755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82</v>
      </c>
      <c r="E1253" s="14">
        <v>85</v>
      </c>
      <c r="F1253" s="14">
        <v>108</v>
      </c>
      <c r="G1253" s="15">
        <v>193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184</v>
      </c>
      <c r="E1254" s="14">
        <v>124</v>
      </c>
      <c r="F1254" s="14">
        <v>60</v>
      </c>
      <c r="G1254" s="15">
        <v>184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98</v>
      </c>
      <c r="E1255" s="14">
        <v>115</v>
      </c>
      <c r="F1255" s="14">
        <v>121</v>
      </c>
      <c r="G1255" s="15">
        <v>236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81</v>
      </c>
      <c r="E1256" s="14">
        <v>68</v>
      </c>
      <c r="F1256" s="14">
        <v>99</v>
      </c>
      <c r="G1256" s="15">
        <v>167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214</v>
      </c>
      <c r="E1257" s="14">
        <v>256</v>
      </c>
      <c r="F1257" s="14">
        <v>249</v>
      </c>
      <c r="G1257" s="15">
        <v>505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169</v>
      </c>
      <c r="E1258" s="14">
        <v>176</v>
      </c>
      <c r="F1258" s="14">
        <v>141</v>
      </c>
      <c r="G1258" s="15">
        <v>317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80</v>
      </c>
      <c r="E1259" s="14">
        <v>118</v>
      </c>
      <c r="F1259" s="14">
        <v>120</v>
      </c>
      <c r="G1259" s="15">
        <v>238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37</v>
      </c>
      <c r="E1260" s="14">
        <v>36</v>
      </c>
      <c r="F1260" s="14">
        <v>47</v>
      </c>
      <c r="G1260" s="15">
        <v>83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84</v>
      </c>
      <c r="E1261" s="14">
        <v>106</v>
      </c>
      <c r="F1261" s="14">
        <v>105</v>
      </c>
      <c r="G1261" s="15">
        <v>211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23</v>
      </c>
      <c r="E1262" s="14">
        <v>0</v>
      </c>
      <c r="F1262" s="14">
        <v>23</v>
      </c>
      <c r="G1262" s="15">
        <v>23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92</v>
      </c>
      <c r="E1263" s="14">
        <v>110</v>
      </c>
      <c r="F1263" s="14">
        <v>118</v>
      </c>
      <c r="G1263" s="15">
        <v>228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2900</v>
      </c>
      <c r="E1264" s="14">
        <v>3517</v>
      </c>
      <c r="F1264" s="14">
        <v>3516</v>
      </c>
      <c r="G1264" s="15">
        <v>7033</v>
      </c>
    </row>
    <row r="1265" spans="1:7" x14ac:dyDescent="0.2">
      <c r="A1265" s="18">
        <v>303</v>
      </c>
      <c r="B1265" s="19" t="s">
        <v>1309</v>
      </c>
      <c r="C1265" s="12" t="s">
        <v>1310</v>
      </c>
      <c r="D1265" s="13">
        <v>472</v>
      </c>
      <c r="E1265" s="14">
        <v>631</v>
      </c>
      <c r="F1265" s="14">
        <v>693</v>
      </c>
      <c r="G1265" s="15">
        <v>1324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538</v>
      </c>
      <c r="E1266" s="14">
        <v>668</v>
      </c>
      <c r="F1266" s="14">
        <v>758</v>
      </c>
      <c r="G1266" s="15">
        <v>1426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20</v>
      </c>
      <c r="E1267" s="14">
        <v>24</v>
      </c>
      <c r="F1267" s="14">
        <v>22</v>
      </c>
      <c r="G1267" s="15">
        <v>46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103</v>
      </c>
      <c r="E1268" s="14">
        <v>145</v>
      </c>
      <c r="F1268" s="14">
        <v>151</v>
      </c>
      <c r="G1268" s="15">
        <v>296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</v>
      </c>
      <c r="E1269" s="14">
        <v>12</v>
      </c>
      <c r="F1269" s="14">
        <v>17</v>
      </c>
      <c r="G1269" s="15">
        <v>29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55</v>
      </c>
      <c r="E1270" s="14">
        <v>80</v>
      </c>
      <c r="F1270" s="14">
        <v>79</v>
      </c>
      <c r="G1270" s="15">
        <v>159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341</v>
      </c>
      <c r="E1271" s="14">
        <v>482</v>
      </c>
      <c r="F1271" s="14">
        <v>473</v>
      </c>
      <c r="G1271" s="15">
        <v>955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408</v>
      </c>
      <c r="E1272" s="14">
        <v>614</v>
      </c>
      <c r="F1272" s="14">
        <v>611</v>
      </c>
      <c r="G1272" s="15">
        <v>1225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79</v>
      </c>
      <c r="E1273" s="14">
        <v>103</v>
      </c>
      <c r="F1273" s="14">
        <v>102</v>
      </c>
      <c r="G1273" s="15">
        <v>205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100</v>
      </c>
      <c r="E1274" s="14">
        <v>132</v>
      </c>
      <c r="F1274" s="14">
        <v>144</v>
      </c>
      <c r="G1274" s="15">
        <v>276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13</v>
      </c>
      <c r="E1275" s="14">
        <v>20</v>
      </c>
      <c r="F1275" s="14">
        <v>20</v>
      </c>
      <c r="G1275" s="15">
        <v>40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54</v>
      </c>
      <c r="E1276" s="14">
        <v>72</v>
      </c>
      <c r="F1276" s="14">
        <v>77</v>
      </c>
      <c r="G1276" s="15">
        <v>149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28</v>
      </c>
      <c r="E1277" s="14">
        <v>38</v>
      </c>
      <c r="F1277" s="14">
        <v>50</v>
      </c>
      <c r="G1277" s="15">
        <v>88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70</v>
      </c>
      <c r="E1278" s="14">
        <v>105</v>
      </c>
      <c r="F1278" s="14">
        <v>97</v>
      </c>
      <c r="G1278" s="15">
        <v>202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25</v>
      </c>
      <c r="E1279" s="14">
        <v>35</v>
      </c>
      <c r="F1279" s="14">
        <v>30</v>
      </c>
      <c r="G1279" s="15">
        <v>65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124</v>
      </c>
      <c r="E1280" s="14">
        <v>173</v>
      </c>
      <c r="F1280" s="14">
        <v>171</v>
      </c>
      <c r="G1280" s="15">
        <v>344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22</v>
      </c>
      <c r="E1281" s="14">
        <v>21</v>
      </c>
      <c r="F1281" s="14">
        <v>39</v>
      </c>
      <c r="G1281" s="15">
        <v>60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462</v>
      </c>
      <c r="E1282" s="14">
        <v>3355</v>
      </c>
      <c r="F1282" s="14">
        <v>3534</v>
      </c>
      <c r="G1282" s="15">
        <v>6889</v>
      </c>
    </row>
    <row r="1283" spans="1:7" x14ac:dyDescent="0.2">
      <c r="A1283" s="18">
        <v>304</v>
      </c>
      <c r="B1283" s="19" t="s">
        <v>1328</v>
      </c>
      <c r="C1283" s="12" t="s">
        <v>1329</v>
      </c>
      <c r="D1283" s="13">
        <v>86</v>
      </c>
      <c r="E1283" s="14">
        <v>116</v>
      </c>
      <c r="F1283" s="14">
        <v>115</v>
      </c>
      <c r="G1283" s="15">
        <v>231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17</v>
      </c>
      <c r="E1284" s="14">
        <v>20</v>
      </c>
      <c r="F1284" s="14">
        <v>24</v>
      </c>
      <c r="G1284" s="15">
        <v>44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6</v>
      </c>
      <c r="E1285" s="14">
        <v>8</v>
      </c>
      <c r="F1285" s="14">
        <v>8</v>
      </c>
      <c r="G1285" s="15">
        <v>16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19</v>
      </c>
      <c r="E1286" s="14">
        <v>16</v>
      </c>
      <c r="F1286" s="14">
        <v>16</v>
      </c>
      <c r="G1286" s="15">
        <v>32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29</v>
      </c>
      <c r="E1287" s="14">
        <v>26</v>
      </c>
      <c r="F1287" s="14">
        <v>32</v>
      </c>
      <c r="G1287" s="15">
        <v>58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32</v>
      </c>
      <c r="E1288" s="14">
        <v>38</v>
      </c>
      <c r="F1288" s="14">
        <v>38</v>
      </c>
      <c r="G1288" s="15">
        <v>76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18</v>
      </c>
      <c r="E1289" s="14">
        <v>29</v>
      </c>
      <c r="F1289" s="14">
        <v>31</v>
      </c>
      <c r="G1289" s="15">
        <v>60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11</v>
      </c>
      <c r="E1290" s="14">
        <v>121</v>
      </c>
      <c r="F1290" s="14">
        <v>148</v>
      </c>
      <c r="G1290" s="15">
        <v>269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318</v>
      </c>
      <c r="E1291" s="14">
        <v>374</v>
      </c>
      <c r="F1291" s="14">
        <v>412</v>
      </c>
      <c r="G1291" s="15">
        <v>786</v>
      </c>
    </row>
    <row r="1292" spans="1:7" x14ac:dyDescent="0.2">
      <c r="A1292" s="18">
        <v>305</v>
      </c>
      <c r="B1292" s="19" t="s">
        <v>1338</v>
      </c>
      <c r="C1292" s="12" t="s">
        <v>1339</v>
      </c>
      <c r="D1292" s="13">
        <v>37</v>
      </c>
      <c r="E1292" s="14">
        <v>49</v>
      </c>
      <c r="F1292" s="14">
        <v>57</v>
      </c>
      <c r="G1292" s="15">
        <v>106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6</v>
      </c>
      <c r="E1293" s="14">
        <v>18</v>
      </c>
      <c r="F1293" s="14">
        <v>22</v>
      </c>
      <c r="G1293" s="15">
        <v>40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8</v>
      </c>
      <c r="E1294" s="14">
        <v>20</v>
      </c>
      <c r="F1294" s="14">
        <v>28</v>
      </c>
      <c r="G1294" s="15">
        <v>48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0</v>
      </c>
      <c r="E1295" s="14">
        <v>8</v>
      </c>
      <c r="F1295" s="14">
        <v>13</v>
      </c>
      <c r="G1295" s="15">
        <v>21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8</v>
      </c>
      <c r="E1296" s="14">
        <v>24</v>
      </c>
      <c r="F1296" s="14">
        <v>22</v>
      </c>
      <c r="G1296" s="15">
        <v>46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6</v>
      </c>
      <c r="E1297" s="14">
        <v>11</v>
      </c>
      <c r="F1297" s="14">
        <v>19</v>
      </c>
      <c r="G1297" s="15">
        <v>30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9</v>
      </c>
      <c r="E1298" s="14">
        <v>11</v>
      </c>
      <c r="F1298" s="14">
        <v>11</v>
      </c>
      <c r="G1298" s="15">
        <v>22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14</v>
      </c>
      <c r="E1299" s="14">
        <v>18</v>
      </c>
      <c r="F1299" s="14">
        <v>19</v>
      </c>
      <c r="G1299" s="15">
        <v>37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20</v>
      </c>
      <c r="E1300" s="14">
        <v>17</v>
      </c>
      <c r="F1300" s="14">
        <v>29</v>
      </c>
      <c r="G1300" s="15">
        <v>46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158</v>
      </c>
      <c r="E1301" s="14">
        <v>176</v>
      </c>
      <c r="F1301" s="14">
        <v>220</v>
      </c>
      <c r="G1301" s="15">
        <v>396</v>
      </c>
    </row>
    <row r="1302" spans="1:7" x14ac:dyDescent="0.2">
      <c r="A1302" s="18">
        <v>306</v>
      </c>
      <c r="B1302" s="19" t="s">
        <v>1349</v>
      </c>
      <c r="C1302" s="12" t="s">
        <v>1350</v>
      </c>
      <c r="D1302" s="13">
        <v>73</v>
      </c>
      <c r="E1302" s="14">
        <v>105</v>
      </c>
      <c r="F1302" s="14">
        <v>128</v>
      </c>
      <c r="G1302" s="15">
        <v>233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71</v>
      </c>
      <c r="E1303" s="14">
        <v>105</v>
      </c>
      <c r="F1303" s="14">
        <v>106</v>
      </c>
      <c r="G1303" s="15">
        <v>211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5</v>
      </c>
      <c r="E1304" s="14">
        <v>7</v>
      </c>
      <c r="F1304" s="14">
        <v>4</v>
      </c>
      <c r="G1304" s="15">
        <v>11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30</v>
      </c>
      <c r="E1305" s="14">
        <v>44</v>
      </c>
      <c r="F1305" s="14">
        <v>53</v>
      </c>
      <c r="G1305" s="15">
        <v>97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4</v>
      </c>
      <c r="E1306" s="14">
        <v>34</v>
      </c>
      <c r="F1306" s="14">
        <v>37</v>
      </c>
      <c r="G1306" s="15">
        <v>71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9</v>
      </c>
      <c r="E1307" s="14">
        <v>38</v>
      </c>
      <c r="F1307" s="14">
        <v>51</v>
      </c>
      <c r="G1307" s="15">
        <v>89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16</v>
      </c>
      <c r="E1308" s="14">
        <v>20</v>
      </c>
      <c r="F1308" s="14">
        <v>17</v>
      </c>
      <c r="G1308" s="15">
        <v>37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6</v>
      </c>
      <c r="E1309" s="14">
        <v>13</v>
      </c>
      <c r="F1309" s="14">
        <v>19</v>
      </c>
      <c r="G1309" s="15">
        <v>32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6</v>
      </c>
      <c r="E1310" s="14">
        <v>7</v>
      </c>
      <c r="F1310" s="14">
        <v>6</v>
      </c>
      <c r="G1310" s="15">
        <v>1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145</v>
      </c>
      <c r="E1311" s="14">
        <v>186</v>
      </c>
      <c r="F1311" s="14">
        <v>205</v>
      </c>
      <c r="G1311" s="15">
        <v>391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415</v>
      </c>
      <c r="E1312" s="14">
        <v>559</v>
      </c>
      <c r="F1312" s="14">
        <v>626</v>
      </c>
      <c r="G1312" s="15">
        <v>1185</v>
      </c>
    </row>
    <row r="1313" spans="1:7" x14ac:dyDescent="0.2">
      <c r="A1313" s="18">
        <v>307</v>
      </c>
      <c r="B1313" s="19" t="s">
        <v>1361</v>
      </c>
      <c r="C1313" s="12" t="s">
        <v>1362</v>
      </c>
      <c r="D1313" s="13">
        <v>63</v>
      </c>
      <c r="E1313" s="14">
        <v>80</v>
      </c>
      <c r="F1313" s="14">
        <v>86</v>
      </c>
      <c r="G1313" s="15">
        <v>166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40</v>
      </c>
      <c r="E1314" s="14">
        <v>44</v>
      </c>
      <c r="F1314" s="14">
        <v>55</v>
      </c>
      <c r="G1314" s="15">
        <v>99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17</v>
      </c>
      <c r="E1315" s="14">
        <v>24</v>
      </c>
      <c r="F1315" s="14">
        <v>28</v>
      </c>
      <c r="G1315" s="15">
        <v>52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20</v>
      </c>
      <c r="E1316" s="14">
        <v>31</v>
      </c>
      <c r="F1316" s="14">
        <v>27</v>
      </c>
      <c r="G1316" s="15">
        <v>58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19</v>
      </c>
      <c r="E1317" s="14">
        <v>22</v>
      </c>
      <c r="F1317" s="14">
        <v>21</v>
      </c>
      <c r="G1317" s="15">
        <v>43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22</v>
      </c>
      <c r="E1318" s="14">
        <v>28</v>
      </c>
      <c r="F1318" s="14">
        <v>14</v>
      </c>
      <c r="G1318" s="15">
        <v>42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32</v>
      </c>
      <c r="E1319" s="14">
        <v>40</v>
      </c>
      <c r="F1319" s="14">
        <v>41</v>
      </c>
      <c r="G1319" s="15">
        <v>81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13</v>
      </c>
      <c r="E1320" s="14">
        <v>13</v>
      </c>
      <c r="F1320" s="14">
        <v>10</v>
      </c>
      <c r="G1320" s="15">
        <v>23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20</v>
      </c>
      <c r="E1321" s="14">
        <v>19</v>
      </c>
      <c r="F1321" s="14">
        <v>21</v>
      </c>
      <c r="G1321" s="15">
        <v>40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</v>
      </c>
      <c r="E1322" s="14">
        <v>2</v>
      </c>
      <c r="F1322" s="14">
        <v>3</v>
      </c>
      <c r="G1322" s="15">
        <v>5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3</v>
      </c>
      <c r="E1323" s="14">
        <v>2</v>
      </c>
      <c r="F1323" s="14">
        <v>1</v>
      </c>
      <c r="G1323" s="15">
        <v>3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53</v>
      </c>
      <c r="E1324" s="14">
        <v>25</v>
      </c>
      <c r="F1324" s="14">
        <v>28</v>
      </c>
      <c r="G1324" s="15">
        <v>53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34</v>
      </c>
      <c r="E1325" s="14">
        <v>6</v>
      </c>
      <c r="F1325" s="14">
        <v>28</v>
      </c>
      <c r="G1325" s="15">
        <v>34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38</v>
      </c>
      <c r="E1326" s="14">
        <v>336</v>
      </c>
      <c r="F1326" s="14">
        <v>363</v>
      </c>
      <c r="G1326" s="15">
        <v>699</v>
      </c>
    </row>
    <row r="1327" spans="1:7" x14ac:dyDescent="0.2">
      <c r="A1327" s="18">
        <v>308</v>
      </c>
      <c r="B1327" s="19" t="s">
        <v>1376</v>
      </c>
      <c r="C1327" s="12" t="s">
        <v>1377</v>
      </c>
      <c r="D1327" s="13">
        <v>5</v>
      </c>
      <c r="E1327" s="14">
        <v>5</v>
      </c>
      <c r="F1327" s="14">
        <v>6</v>
      </c>
      <c r="G1327" s="15">
        <v>11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6</v>
      </c>
      <c r="E1328" s="14">
        <v>5</v>
      </c>
      <c r="F1328" s="14">
        <v>9</v>
      </c>
      <c r="G1328" s="15">
        <v>14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2</v>
      </c>
      <c r="E1329" s="14">
        <v>1</v>
      </c>
      <c r="F1329" s="14">
        <v>3</v>
      </c>
      <c r="G1329" s="15">
        <v>4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4</v>
      </c>
      <c r="E1330" s="14">
        <v>2</v>
      </c>
      <c r="F1330" s="14">
        <v>4</v>
      </c>
      <c r="G1330" s="15">
        <v>6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7</v>
      </c>
      <c r="E1331" s="14">
        <v>11</v>
      </c>
      <c r="F1331" s="14">
        <v>10</v>
      </c>
      <c r="G1331" s="15">
        <v>21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18</v>
      </c>
      <c r="E1332" s="14">
        <v>19</v>
      </c>
      <c r="F1332" s="14">
        <v>14</v>
      </c>
      <c r="G1332" s="15">
        <v>33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0</v>
      </c>
      <c r="E1333" s="14">
        <v>9</v>
      </c>
      <c r="F1333" s="14">
        <v>17</v>
      </c>
      <c r="G1333" s="15">
        <v>26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7</v>
      </c>
      <c r="E1334" s="14">
        <v>3</v>
      </c>
      <c r="F1334" s="14">
        <v>8</v>
      </c>
      <c r="G1334" s="15">
        <v>11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5</v>
      </c>
      <c r="E1335" s="14">
        <v>6</v>
      </c>
      <c r="F1335" s="14">
        <v>6</v>
      </c>
      <c r="G1335" s="15">
        <v>12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1</v>
      </c>
      <c r="E1336" s="14">
        <v>2</v>
      </c>
      <c r="F1336" s="14">
        <v>1</v>
      </c>
      <c r="G1336" s="15">
        <v>3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3</v>
      </c>
      <c r="E1337" s="14">
        <v>3</v>
      </c>
      <c r="F1337" s="14">
        <v>6</v>
      </c>
      <c r="G1337" s="15">
        <v>9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68</v>
      </c>
      <c r="E1338" s="14">
        <v>66</v>
      </c>
      <c r="F1338" s="14">
        <v>84</v>
      </c>
      <c r="G1338" s="15">
        <v>150</v>
      </c>
    </row>
    <row r="1339" spans="1:7" x14ac:dyDescent="0.2">
      <c r="A1339" s="18">
        <v>309</v>
      </c>
      <c r="B1339" s="19" t="s">
        <v>1389</v>
      </c>
      <c r="C1339" s="12" t="s">
        <v>1390</v>
      </c>
      <c r="D1339" s="13">
        <v>6</v>
      </c>
      <c r="E1339" s="14">
        <v>5</v>
      </c>
      <c r="F1339" s="14">
        <v>6</v>
      </c>
      <c r="G1339" s="15">
        <v>11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5</v>
      </c>
      <c r="E1340" s="14">
        <v>5</v>
      </c>
      <c r="F1340" s="14">
        <v>3</v>
      </c>
      <c r="G1340" s="15">
        <v>8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1</v>
      </c>
      <c r="E1341" s="14">
        <v>1</v>
      </c>
      <c r="F1341" s="14">
        <v>1</v>
      </c>
      <c r="G1341" s="15">
        <v>2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0</v>
      </c>
      <c r="F1342" s="14">
        <v>1</v>
      </c>
      <c r="G1342" s="15">
        <v>1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4</v>
      </c>
      <c r="E1343" s="14">
        <v>3</v>
      </c>
      <c r="F1343" s="14">
        <v>1</v>
      </c>
      <c r="G1343" s="15">
        <v>4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6</v>
      </c>
      <c r="E1344" s="14">
        <v>4</v>
      </c>
      <c r="F1344" s="14">
        <v>3</v>
      </c>
      <c r="G1344" s="15">
        <v>7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3</v>
      </c>
      <c r="E1345" s="14">
        <v>6</v>
      </c>
      <c r="F1345" s="14">
        <v>3</v>
      </c>
      <c r="G1345" s="15">
        <v>9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2</v>
      </c>
      <c r="F1346" s="14">
        <v>1</v>
      </c>
      <c r="G1346" s="15">
        <v>3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4</v>
      </c>
      <c r="E1347" s="14">
        <v>4</v>
      </c>
      <c r="F1347" s="14">
        <v>0</v>
      </c>
      <c r="G1347" s="15">
        <v>4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33</v>
      </c>
      <c r="E1348" s="14">
        <v>30</v>
      </c>
      <c r="F1348" s="14">
        <v>19</v>
      </c>
      <c r="G1348" s="15">
        <v>49</v>
      </c>
    </row>
    <row r="1349" spans="1:7" x14ac:dyDescent="0.2">
      <c r="A1349" s="18">
        <v>399</v>
      </c>
      <c r="B1349" s="19" t="s">
        <v>1400</v>
      </c>
      <c r="C1349" s="12" t="s">
        <v>1400</v>
      </c>
      <c r="D1349" s="13">
        <v>7562</v>
      </c>
      <c r="E1349" s="14">
        <v>9385</v>
      </c>
      <c r="F1349" s="14">
        <v>9829</v>
      </c>
      <c r="G1349" s="15">
        <v>19214</v>
      </c>
    </row>
    <row r="1350" spans="1:7" x14ac:dyDescent="0.2">
      <c r="A1350" s="18">
        <v>401</v>
      </c>
      <c r="B1350" s="19" t="s">
        <v>1401</v>
      </c>
      <c r="C1350" s="12" t="s">
        <v>1402</v>
      </c>
      <c r="D1350" s="13">
        <v>124</v>
      </c>
      <c r="E1350" s="14">
        <v>167</v>
      </c>
      <c r="F1350" s="14">
        <v>181</v>
      </c>
      <c r="G1350" s="15">
        <v>348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117</v>
      </c>
      <c r="E1351" s="14">
        <v>133</v>
      </c>
      <c r="F1351" s="14">
        <v>134</v>
      </c>
      <c r="G1351" s="15">
        <v>267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222</v>
      </c>
      <c r="E1352" s="14">
        <v>249</v>
      </c>
      <c r="F1352" s="14">
        <v>253</v>
      </c>
      <c r="G1352" s="15">
        <v>502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64</v>
      </c>
      <c r="E1353" s="14">
        <v>69</v>
      </c>
      <c r="F1353" s="14">
        <v>68</v>
      </c>
      <c r="G1353" s="15">
        <v>137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84</v>
      </c>
      <c r="E1354" s="14">
        <v>102</v>
      </c>
      <c r="F1354" s="14">
        <v>113</v>
      </c>
      <c r="G1354" s="15">
        <v>215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40</v>
      </c>
      <c r="E1355" s="14">
        <v>50</v>
      </c>
      <c r="F1355" s="14">
        <v>20</v>
      </c>
      <c r="G1355" s="15">
        <v>70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180</v>
      </c>
      <c r="E1356" s="14">
        <v>258</v>
      </c>
      <c r="F1356" s="14">
        <v>254</v>
      </c>
      <c r="G1356" s="15">
        <v>512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515</v>
      </c>
      <c r="E1357" s="14">
        <v>676</v>
      </c>
      <c r="F1357" s="14">
        <v>706</v>
      </c>
      <c r="G1357" s="15">
        <v>1382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73</v>
      </c>
      <c r="E1358" s="14">
        <v>81</v>
      </c>
      <c r="F1358" s="14">
        <v>80</v>
      </c>
      <c r="G1358" s="15">
        <v>161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162</v>
      </c>
      <c r="E1359" s="14">
        <v>189</v>
      </c>
      <c r="F1359" s="14">
        <v>193</v>
      </c>
      <c r="G1359" s="15">
        <v>382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53</v>
      </c>
      <c r="E1360" s="14">
        <v>115</v>
      </c>
      <c r="F1360" s="14">
        <v>171</v>
      </c>
      <c r="G1360" s="15">
        <v>286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35</v>
      </c>
      <c r="E1361" s="14">
        <v>50</v>
      </c>
      <c r="F1361" s="14">
        <v>55</v>
      </c>
      <c r="G1361" s="15">
        <v>105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481</v>
      </c>
      <c r="E1362" s="14">
        <v>538</v>
      </c>
      <c r="F1362" s="14">
        <v>510</v>
      </c>
      <c r="G1362" s="15">
        <v>1048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615</v>
      </c>
      <c r="E1363" s="14">
        <v>677</v>
      </c>
      <c r="F1363" s="14">
        <v>692</v>
      </c>
      <c r="G1363" s="15">
        <v>1369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42</v>
      </c>
      <c r="E1364" s="14">
        <v>48</v>
      </c>
      <c r="F1364" s="14">
        <v>49</v>
      </c>
      <c r="G1364" s="15">
        <v>97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122</v>
      </c>
      <c r="E1365" s="14">
        <v>124</v>
      </c>
      <c r="F1365" s="14">
        <v>130</v>
      </c>
      <c r="G1365" s="15">
        <v>254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67</v>
      </c>
      <c r="E1366" s="14">
        <v>76</v>
      </c>
      <c r="F1366" s="14">
        <v>61</v>
      </c>
      <c r="G1366" s="15">
        <v>137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341</v>
      </c>
      <c r="E1367" s="14">
        <v>418</v>
      </c>
      <c r="F1367" s="14">
        <v>475</v>
      </c>
      <c r="G1367" s="15">
        <v>893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192</v>
      </c>
      <c r="E1368" s="14">
        <v>246</v>
      </c>
      <c r="F1368" s="14">
        <v>234</v>
      </c>
      <c r="G1368" s="15">
        <v>480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04</v>
      </c>
      <c r="E1369" s="14">
        <v>120</v>
      </c>
      <c r="F1369" s="14">
        <v>128</v>
      </c>
      <c r="G1369" s="15">
        <v>248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72</v>
      </c>
      <c r="E1370" s="14">
        <v>370</v>
      </c>
      <c r="F1370" s="14">
        <v>335</v>
      </c>
      <c r="G1370" s="15">
        <v>705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43</v>
      </c>
      <c r="E1371" s="14">
        <v>346</v>
      </c>
      <c r="F1371" s="14">
        <v>363</v>
      </c>
      <c r="G1371" s="15">
        <v>709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82</v>
      </c>
      <c r="E1372" s="14">
        <v>464</v>
      </c>
      <c r="F1372" s="14">
        <v>480</v>
      </c>
      <c r="G1372" s="15">
        <v>944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53</v>
      </c>
      <c r="E1373" s="14">
        <v>409</v>
      </c>
      <c r="F1373" s="14">
        <v>421</v>
      </c>
      <c r="G1373" s="15">
        <v>830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4783</v>
      </c>
      <c r="E1374" s="14">
        <v>5975</v>
      </c>
      <c r="F1374" s="14">
        <v>6106</v>
      </c>
      <c r="G1374" s="15">
        <v>12081</v>
      </c>
    </row>
    <row r="1375" spans="1:7" x14ac:dyDescent="0.2">
      <c r="A1375" s="18">
        <v>402</v>
      </c>
      <c r="B1375" s="19" t="s">
        <v>1427</v>
      </c>
      <c r="C1375" s="12" t="s">
        <v>1428</v>
      </c>
      <c r="D1375" s="13">
        <v>874</v>
      </c>
      <c r="E1375" s="14">
        <v>989</v>
      </c>
      <c r="F1375" s="14">
        <v>991</v>
      </c>
      <c r="G1375" s="15">
        <v>1980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236</v>
      </c>
      <c r="E1376" s="14">
        <v>359</v>
      </c>
      <c r="F1376" s="14">
        <v>394</v>
      </c>
      <c r="G1376" s="15">
        <v>753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149</v>
      </c>
      <c r="E1377" s="14">
        <v>103</v>
      </c>
      <c r="F1377" s="14">
        <v>165</v>
      </c>
      <c r="G1377" s="15">
        <v>268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525</v>
      </c>
      <c r="E1378" s="14">
        <v>653</v>
      </c>
      <c r="F1378" s="14">
        <v>652</v>
      </c>
      <c r="G1378" s="15">
        <v>1305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234</v>
      </c>
      <c r="E1379" s="14">
        <v>339</v>
      </c>
      <c r="F1379" s="14">
        <v>330</v>
      </c>
      <c r="G1379" s="15">
        <v>669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113</v>
      </c>
      <c r="E1380" s="14">
        <v>129</v>
      </c>
      <c r="F1380" s="14">
        <v>128</v>
      </c>
      <c r="G1380" s="15">
        <v>257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784</v>
      </c>
      <c r="E1381" s="14">
        <v>938</v>
      </c>
      <c r="F1381" s="14">
        <v>1029</v>
      </c>
      <c r="G1381" s="15">
        <v>1967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262</v>
      </c>
      <c r="E1382" s="14">
        <v>327</v>
      </c>
      <c r="F1382" s="14">
        <v>324</v>
      </c>
      <c r="G1382" s="15">
        <v>651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42</v>
      </c>
      <c r="E1383" s="14">
        <v>55</v>
      </c>
      <c r="F1383" s="14">
        <v>60</v>
      </c>
      <c r="G1383" s="15">
        <v>115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255</v>
      </c>
      <c r="E1384" s="14">
        <v>381</v>
      </c>
      <c r="F1384" s="14">
        <v>355</v>
      </c>
      <c r="G1384" s="15">
        <v>736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27</v>
      </c>
      <c r="E1385" s="14">
        <v>308</v>
      </c>
      <c r="F1385" s="14">
        <v>323</v>
      </c>
      <c r="G1385" s="15">
        <v>631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90</v>
      </c>
      <c r="E1386" s="14">
        <v>68</v>
      </c>
      <c r="F1386" s="14">
        <v>102</v>
      </c>
      <c r="G1386" s="15">
        <v>170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109</v>
      </c>
      <c r="E1387" s="14">
        <v>156</v>
      </c>
      <c r="F1387" s="14">
        <v>166</v>
      </c>
      <c r="G1387" s="15">
        <v>322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62</v>
      </c>
      <c r="E1388" s="14">
        <v>49</v>
      </c>
      <c r="F1388" s="14">
        <v>42</v>
      </c>
      <c r="G1388" s="15">
        <v>91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</v>
      </c>
      <c r="E1389" s="14">
        <v>1</v>
      </c>
      <c r="F1389" s="14">
        <v>0</v>
      </c>
      <c r="G1389" s="15">
        <v>1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275</v>
      </c>
      <c r="E1390" s="14">
        <v>335</v>
      </c>
      <c r="F1390" s="14">
        <v>373</v>
      </c>
      <c r="G1390" s="15">
        <v>708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160</v>
      </c>
      <c r="E1391" s="14">
        <v>239</v>
      </c>
      <c r="F1391" s="14">
        <v>244</v>
      </c>
      <c r="G1391" s="15">
        <v>483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49</v>
      </c>
      <c r="E1392" s="14">
        <v>42</v>
      </c>
      <c r="F1392" s="14">
        <v>23</v>
      </c>
      <c r="G1392" s="15">
        <v>65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210</v>
      </c>
      <c r="E1393" s="14">
        <v>359</v>
      </c>
      <c r="F1393" s="14">
        <v>384</v>
      </c>
      <c r="G1393" s="15">
        <v>743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4657</v>
      </c>
      <c r="E1394" s="14">
        <v>5830</v>
      </c>
      <c r="F1394" s="14">
        <v>6085</v>
      </c>
      <c r="G1394" s="15">
        <v>11915</v>
      </c>
    </row>
    <row r="1395" spans="1:7" x14ac:dyDescent="0.2">
      <c r="A1395" s="18">
        <v>403</v>
      </c>
      <c r="B1395" s="19" t="s">
        <v>598</v>
      </c>
      <c r="C1395" s="12" t="s">
        <v>1448</v>
      </c>
      <c r="D1395" s="13">
        <v>116</v>
      </c>
      <c r="E1395" s="14">
        <v>160</v>
      </c>
      <c r="F1395" s="14">
        <v>168</v>
      </c>
      <c r="G1395" s="15">
        <v>328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35</v>
      </c>
      <c r="E1396" s="14">
        <v>42</v>
      </c>
      <c r="F1396" s="14">
        <v>57</v>
      </c>
      <c r="G1396" s="15">
        <v>99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76</v>
      </c>
      <c r="E1397" s="14">
        <v>103</v>
      </c>
      <c r="F1397" s="14">
        <v>109</v>
      </c>
      <c r="G1397" s="15">
        <v>212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47</v>
      </c>
      <c r="E1398" s="14">
        <v>75</v>
      </c>
      <c r="F1398" s="14">
        <v>68</v>
      </c>
      <c r="G1398" s="15">
        <v>143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100</v>
      </c>
      <c r="E1399" s="14">
        <v>140</v>
      </c>
      <c r="F1399" s="14">
        <v>167</v>
      </c>
      <c r="G1399" s="15">
        <v>307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85</v>
      </c>
      <c r="E1400" s="14">
        <v>110</v>
      </c>
      <c r="F1400" s="14">
        <v>108</v>
      </c>
      <c r="G1400" s="15">
        <v>218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42</v>
      </c>
      <c r="E1401" s="14">
        <v>55</v>
      </c>
      <c r="F1401" s="14">
        <v>68</v>
      </c>
      <c r="G1401" s="15">
        <v>123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501</v>
      </c>
      <c r="E1402" s="14">
        <v>685</v>
      </c>
      <c r="F1402" s="14">
        <v>745</v>
      </c>
      <c r="G1402" s="15">
        <v>1430</v>
      </c>
    </row>
    <row r="1403" spans="1:7" x14ac:dyDescent="0.2">
      <c r="A1403" s="18">
        <v>404</v>
      </c>
      <c r="B1403" s="19" t="s">
        <v>1456</v>
      </c>
      <c r="C1403" s="12" t="s">
        <v>1457</v>
      </c>
      <c r="D1403" s="13">
        <v>126</v>
      </c>
      <c r="E1403" s="14">
        <v>155</v>
      </c>
      <c r="F1403" s="14">
        <v>160</v>
      </c>
      <c r="G1403" s="15">
        <v>315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97</v>
      </c>
      <c r="E1404" s="14">
        <v>153</v>
      </c>
      <c r="F1404" s="14">
        <v>160</v>
      </c>
      <c r="G1404" s="15">
        <v>313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82</v>
      </c>
      <c r="E1405" s="14">
        <v>130</v>
      </c>
      <c r="F1405" s="14">
        <v>128</v>
      </c>
      <c r="G1405" s="15">
        <v>258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61</v>
      </c>
      <c r="E1406" s="14">
        <v>89</v>
      </c>
      <c r="F1406" s="14">
        <v>96</v>
      </c>
      <c r="G1406" s="15">
        <v>185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102</v>
      </c>
      <c r="E1407" s="14">
        <v>140</v>
      </c>
      <c r="F1407" s="14">
        <v>128</v>
      </c>
      <c r="G1407" s="15">
        <v>268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36</v>
      </c>
      <c r="E1408" s="14">
        <v>41</v>
      </c>
      <c r="F1408" s="14">
        <v>46</v>
      </c>
      <c r="G1408" s="15">
        <v>87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14</v>
      </c>
      <c r="E1409" s="14">
        <v>15</v>
      </c>
      <c r="F1409" s="14">
        <v>18</v>
      </c>
      <c r="G1409" s="15">
        <v>33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89</v>
      </c>
      <c r="E1410" s="14">
        <v>103</v>
      </c>
      <c r="F1410" s="14">
        <v>127</v>
      </c>
      <c r="G1410" s="15">
        <v>230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106</v>
      </c>
      <c r="E1411" s="14">
        <v>142</v>
      </c>
      <c r="F1411" s="14">
        <v>138</v>
      </c>
      <c r="G1411" s="15">
        <v>280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40</v>
      </c>
      <c r="E1412" s="14">
        <v>49</v>
      </c>
      <c r="F1412" s="14">
        <v>72</v>
      </c>
      <c r="G1412" s="15">
        <v>121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21</v>
      </c>
      <c r="E1413" s="14">
        <v>30</v>
      </c>
      <c r="F1413" s="14">
        <v>31</v>
      </c>
      <c r="G1413" s="15">
        <v>61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35</v>
      </c>
      <c r="E1414" s="14">
        <v>46</v>
      </c>
      <c r="F1414" s="14">
        <v>46</v>
      </c>
      <c r="G1414" s="15">
        <v>92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809</v>
      </c>
      <c r="E1415" s="14">
        <v>1093</v>
      </c>
      <c r="F1415" s="14">
        <v>1150</v>
      </c>
      <c r="G1415" s="15">
        <v>2243</v>
      </c>
    </row>
    <row r="1416" spans="1:7" x14ac:dyDescent="0.2">
      <c r="A1416" s="18">
        <v>405</v>
      </c>
      <c r="B1416" s="19" t="s">
        <v>1470</v>
      </c>
      <c r="C1416" s="12" t="s">
        <v>1471</v>
      </c>
      <c r="D1416" s="13">
        <v>243</v>
      </c>
      <c r="E1416" s="14">
        <v>297</v>
      </c>
      <c r="F1416" s="14">
        <v>309</v>
      </c>
      <c r="G1416" s="15">
        <v>606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71</v>
      </c>
      <c r="E1417" s="14">
        <v>89</v>
      </c>
      <c r="F1417" s="14">
        <v>101</v>
      </c>
      <c r="G1417" s="15">
        <v>190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92</v>
      </c>
      <c r="E1418" s="14">
        <v>123</v>
      </c>
      <c r="F1418" s="14">
        <v>124</v>
      </c>
      <c r="G1418" s="15">
        <v>247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23</v>
      </c>
      <c r="E1419" s="14">
        <v>28</v>
      </c>
      <c r="F1419" s="14">
        <v>31</v>
      </c>
      <c r="G1419" s="15">
        <v>59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76</v>
      </c>
      <c r="E1420" s="14">
        <v>97</v>
      </c>
      <c r="F1420" s="14">
        <v>117</v>
      </c>
      <c r="G1420" s="15">
        <v>214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8</v>
      </c>
      <c r="E1421" s="14">
        <v>8</v>
      </c>
      <c r="F1421" s="14">
        <v>11</v>
      </c>
      <c r="G1421" s="15">
        <v>19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37</v>
      </c>
      <c r="E1422" s="14">
        <v>43</v>
      </c>
      <c r="F1422" s="14">
        <v>49</v>
      </c>
      <c r="G1422" s="15">
        <v>92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8</v>
      </c>
      <c r="E1423" s="14">
        <v>13</v>
      </c>
      <c r="F1423" s="14">
        <v>15</v>
      </c>
      <c r="G1423" s="15">
        <v>28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8</v>
      </c>
      <c r="F1424" s="14">
        <v>16</v>
      </c>
      <c r="G1424" s="15">
        <v>24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102</v>
      </c>
      <c r="E1425" s="14">
        <v>128</v>
      </c>
      <c r="F1425" s="14">
        <v>137</v>
      </c>
      <c r="G1425" s="15">
        <v>265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186</v>
      </c>
      <c r="E1426" s="14">
        <v>280</v>
      </c>
      <c r="F1426" s="14">
        <v>283</v>
      </c>
      <c r="G1426" s="15">
        <v>563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91</v>
      </c>
      <c r="E1427" s="14">
        <v>112</v>
      </c>
      <c r="F1427" s="14">
        <v>108</v>
      </c>
      <c r="G1427" s="15">
        <v>220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183</v>
      </c>
      <c r="E1428" s="14">
        <v>232</v>
      </c>
      <c r="F1428" s="14">
        <v>218</v>
      </c>
      <c r="G1428" s="15">
        <v>450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263</v>
      </c>
      <c r="E1429" s="14">
        <v>309</v>
      </c>
      <c r="F1429" s="14">
        <v>328</v>
      </c>
      <c r="G1429" s="15">
        <v>637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1391</v>
      </c>
      <c r="E1430" s="14">
        <v>1767</v>
      </c>
      <c r="F1430" s="14">
        <v>1847</v>
      </c>
      <c r="G1430" s="15">
        <v>3614</v>
      </c>
    </row>
    <row r="1431" spans="1:7" x14ac:dyDescent="0.2">
      <c r="A1431" s="18">
        <v>406</v>
      </c>
      <c r="B1431" s="19" t="s">
        <v>1486</v>
      </c>
      <c r="C1431" s="12" t="s">
        <v>1487</v>
      </c>
      <c r="D1431" s="13">
        <v>447</v>
      </c>
      <c r="E1431" s="14">
        <v>573</v>
      </c>
      <c r="F1431" s="14">
        <v>595</v>
      </c>
      <c r="G1431" s="15">
        <v>1168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324</v>
      </c>
      <c r="E1432" s="14">
        <v>373</v>
      </c>
      <c r="F1432" s="14">
        <v>406</v>
      </c>
      <c r="G1432" s="15">
        <v>779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68</v>
      </c>
      <c r="E1433" s="14">
        <v>81</v>
      </c>
      <c r="F1433" s="14">
        <v>92</v>
      </c>
      <c r="G1433" s="15">
        <v>173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137</v>
      </c>
      <c r="E1434" s="14">
        <v>185</v>
      </c>
      <c r="F1434" s="14">
        <v>183</v>
      </c>
      <c r="G1434" s="15">
        <v>368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91</v>
      </c>
      <c r="E1435" s="14">
        <v>124</v>
      </c>
      <c r="F1435" s="14">
        <v>153</v>
      </c>
      <c r="G1435" s="15">
        <v>277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29</v>
      </c>
      <c r="E1436" s="14">
        <v>33</v>
      </c>
      <c r="F1436" s="14">
        <v>32</v>
      </c>
      <c r="G1436" s="15">
        <v>65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</v>
      </c>
      <c r="E1437" s="14">
        <v>3</v>
      </c>
      <c r="F1437" s="14">
        <v>3</v>
      </c>
      <c r="G1437" s="15">
        <v>6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88</v>
      </c>
      <c r="E1438" s="14">
        <v>79</v>
      </c>
      <c r="F1438" s="14">
        <v>117</v>
      </c>
      <c r="G1438" s="15">
        <v>196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85</v>
      </c>
      <c r="E1439" s="14">
        <v>37</v>
      </c>
      <c r="F1439" s="14">
        <v>48</v>
      </c>
      <c r="G1439" s="15">
        <v>85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3</v>
      </c>
      <c r="E1440" s="14">
        <v>3</v>
      </c>
      <c r="F1440" s="14">
        <v>0</v>
      </c>
      <c r="G1440" s="15">
        <v>3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261</v>
      </c>
      <c r="E1441" s="14">
        <v>362</v>
      </c>
      <c r="F1441" s="14">
        <v>344</v>
      </c>
      <c r="G1441" s="15">
        <v>706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1535</v>
      </c>
      <c r="E1442" s="14">
        <v>1853</v>
      </c>
      <c r="F1442" s="14">
        <v>1973</v>
      </c>
      <c r="G1442" s="15">
        <v>3826</v>
      </c>
    </row>
    <row r="1443" spans="1:7" x14ac:dyDescent="0.2">
      <c r="A1443" s="18">
        <v>407</v>
      </c>
      <c r="B1443" s="19" t="s">
        <v>1499</v>
      </c>
      <c r="C1443" s="12" t="s">
        <v>1500</v>
      </c>
      <c r="D1443" s="13">
        <v>32</v>
      </c>
      <c r="E1443" s="14">
        <v>33</v>
      </c>
      <c r="F1443" s="14">
        <v>35</v>
      </c>
      <c r="G1443" s="15">
        <v>68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3</v>
      </c>
      <c r="E1444" s="14">
        <v>17</v>
      </c>
      <c r="F1444" s="14">
        <v>17</v>
      </c>
      <c r="G1444" s="15">
        <v>34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4</v>
      </c>
      <c r="E1445" s="14">
        <v>19</v>
      </c>
      <c r="F1445" s="14">
        <v>18</v>
      </c>
      <c r="G1445" s="15">
        <v>37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26</v>
      </c>
      <c r="E1446" s="14">
        <v>27</v>
      </c>
      <c r="F1446" s="14">
        <v>21</v>
      </c>
      <c r="G1446" s="15">
        <v>48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19</v>
      </c>
      <c r="E1447" s="14">
        <v>29</v>
      </c>
      <c r="F1447" s="14">
        <v>33</v>
      </c>
      <c r="G1447" s="15">
        <v>62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2</v>
      </c>
      <c r="E1448" s="14">
        <v>14</v>
      </c>
      <c r="F1448" s="14">
        <v>15</v>
      </c>
      <c r="G1448" s="15">
        <v>29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2</v>
      </c>
      <c r="E1449" s="14">
        <v>15</v>
      </c>
      <c r="F1449" s="14">
        <v>15</v>
      </c>
      <c r="G1449" s="15">
        <v>30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20</v>
      </c>
      <c r="E1450" s="14">
        <v>27</v>
      </c>
      <c r="F1450" s="14">
        <v>26</v>
      </c>
      <c r="G1450" s="15">
        <v>53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18</v>
      </c>
      <c r="E1451" s="14">
        <v>28</v>
      </c>
      <c r="F1451" s="14">
        <v>26</v>
      </c>
      <c r="G1451" s="15">
        <v>54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11</v>
      </c>
      <c r="E1452" s="14">
        <v>16</v>
      </c>
      <c r="F1452" s="14">
        <v>17</v>
      </c>
      <c r="G1452" s="15">
        <v>33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34</v>
      </c>
      <c r="E1453" s="14">
        <v>42</v>
      </c>
      <c r="F1453" s="14">
        <v>52</v>
      </c>
      <c r="G1453" s="15">
        <v>94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11</v>
      </c>
      <c r="E1454" s="14">
        <v>16</v>
      </c>
      <c r="F1454" s="14">
        <v>16</v>
      </c>
      <c r="G1454" s="15">
        <v>32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25</v>
      </c>
      <c r="E1455" s="14">
        <v>20</v>
      </c>
      <c r="F1455" s="14">
        <v>39</v>
      </c>
      <c r="G1455" s="15">
        <v>59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42</v>
      </c>
      <c r="E1456" s="14">
        <v>63</v>
      </c>
      <c r="F1456" s="14">
        <v>68</v>
      </c>
      <c r="G1456" s="15">
        <v>131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7</v>
      </c>
      <c r="E1457" s="14">
        <v>9</v>
      </c>
      <c r="F1457" s="14">
        <v>8</v>
      </c>
      <c r="G1457" s="15">
        <v>17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23</v>
      </c>
      <c r="E1458" s="14">
        <v>33</v>
      </c>
      <c r="F1458" s="14">
        <v>38</v>
      </c>
      <c r="G1458" s="15">
        <v>71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13</v>
      </c>
      <c r="E1459" s="14">
        <v>16</v>
      </c>
      <c r="F1459" s="14">
        <v>16</v>
      </c>
      <c r="G1459" s="15">
        <v>3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9</v>
      </c>
      <c r="E1460" s="14">
        <v>12</v>
      </c>
      <c r="F1460" s="14">
        <v>6</v>
      </c>
      <c r="G1460" s="15">
        <v>18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27</v>
      </c>
      <c r="E1461" s="14">
        <v>26</v>
      </c>
      <c r="F1461" s="14">
        <v>29</v>
      </c>
      <c r="G1461" s="15">
        <v>55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3</v>
      </c>
      <c r="E1462" s="14">
        <v>36</v>
      </c>
      <c r="F1462" s="14">
        <v>38</v>
      </c>
      <c r="G1462" s="15">
        <v>74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14</v>
      </c>
      <c r="E1463" s="14">
        <v>18</v>
      </c>
      <c r="F1463" s="14">
        <v>18</v>
      </c>
      <c r="G1463" s="15">
        <v>36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6</v>
      </c>
      <c r="E1464" s="14">
        <v>22</v>
      </c>
      <c r="F1464" s="14">
        <v>26</v>
      </c>
      <c r="G1464" s="15">
        <v>48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2</v>
      </c>
      <c r="E1465" s="14">
        <v>22</v>
      </c>
      <c r="F1465" s="14">
        <v>20</v>
      </c>
      <c r="G1465" s="15">
        <v>42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2</v>
      </c>
      <c r="E1466" s="14">
        <v>4</v>
      </c>
      <c r="F1466" s="14">
        <v>2</v>
      </c>
      <c r="G1466" s="15">
        <v>6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7</v>
      </c>
      <c r="E1467" s="14">
        <v>6</v>
      </c>
      <c r="F1467" s="14">
        <v>5</v>
      </c>
      <c r="G1467" s="15">
        <v>11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50</v>
      </c>
      <c r="E1468" s="14">
        <v>80</v>
      </c>
      <c r="F1468" s="14">
        <v>73</v>
      </c>
      <c r="G1468" s="15">
        <v>153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492</v>
      </c>
      <c r="E1469" s="14">
        <v>650</v>
      </c>
      <c r="F1469" s="14">
        <v>677</v>
      </c>
      <c r="G1469" s="15">
        <v>1327</v>
      </c>
    </row>
    <row r="1470" spans="1:7" x14ac:dyDescent="0.2">
      <c r="A1470" s="18">
        <v>408</v>
      </c>
      <c r="B1470" s="19" t="s">
        <v>1527</v>
      </c>
      <c r="C1470" s="12" t="s">
        <v>1528</v>
      </c>
      <c r="D1470" s="13">
        <v>49</v>
      </c>
      <c r="E1470" s="14">
        <v>75</v>
      </c>
      <c r="F1470" s="14">
        <v>79</v>
      </c>
      <c r="G1470" s="15">
        <v>154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74</v>
      </c>
      <c r="E1471" s="14">
        <v>96</v>
      </c>
      <c r="F1471" s="14">
        <v>92</v>
      </c>
      <c r="G1471" s="15">
        <v>188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182</v>
      </c>
      <c r="E1472" s="14">
        <v>242</v>
      </c>
      <c r="F1472" s="14">
        <v>265</v>
      </c>
      <c r="G1472" s="15">
        <v>507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89</v>
      </c>
      <c r="E1473" s="14">
        <v>247</v>
      </c>
      <c r="F1473" s="14">
        <v>277</v>
      </c>
      <c r="G1473" s="15">
        <v>524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44</v>
      </c>
      <c r="E1474" s="14">
        <v>199</v>
      </c>
      <c r="F1474" s="14">
        <v>210</v>
      </c>
      <c r="G1474" s="15">
        <v>409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24</v>
      </c>
      <c r="E1475" s="14">
        <v>42</v>
      </c>
      <c r="F1475" s="14">
        <v>38</v>
      </c>
      <c r="G1475" s="15">
        <v>80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42</v>
      </c>
      <c r="E1476" s="14">
        <v>51</v>
      </c>
      <c r="F1476" s="14">
        <v>55</v>
      </c>
      <c r="G1476" s="15">
        <v>106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58</v>
      </c>
      <c r="E1477" s="14">
        <v>81</v>
      </c>
      <c r="F1477" s="14">
        <v>88</v>
      </c>
      <c r="G1477" s="15">
        <v>169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175</v>
      </c>
      <c r="E1478" s="14">
        <v>258</v>
      </c>
      <c r="F1478" s="14">
        <v>263</v>
      </c>
      <c r="G1478" s="15">
        <v>521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21</v>
      </c>
      <c r="E1479" s="14">
        <v>34</v>
      </c>
      <c r="F1479" s="14">
        <v>35</v>
      </c>
      <c r="G1479" s="15">
        <v>69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54</v>
      </c>
      <c r="E1480" s="14">
        <v>218</v>
      </c>
      <c r="F1480" s="14">
        <v>212</v>
      </c>
      <c r="G1480" s="15">
        <v>430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76</v>
      </c>
      <c r="E1481" s="14">
        <v>105</v>
      </c>
      <c r="F1481" s="14">
        <v>95</v>
      </c>
      <c r="G1481" s="15">
        <v>200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142</v>
      </c>
      <c r="E1482" s="14">
        <v>205</v>
      </c>
      <c r="F1482" s="14">
        <v>215</v>
      </c>
      <c r="G1482" s="15">
        <v>420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14</v>
      </c>
      <c r="E1483" s="14">
        <v>171</v>
      </c>
      <c r="F1483" s="14">
        <v>177</v>
      </c>
      <c r="G1483" s="15">
        <v>348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46</v>
      </c>
      <c r="E1484" s="14">
        <v>68</v>
      </c>
      <c r="F1484" s="14">
        <v>68</v>
      </c>
      <c r="G1484" s="15">
        <v>136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1</v>
      </c>
      <c r="E1485" s="14">
        <v>0</v>
      </c>
      <c r="F1485" s="14">
        <v>1</v>
      </c>
      <c r="G1485" s="15">
        <v>1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5</v>
      </c>
      <c r="E1486" s="14">
        <v>86</v>
      </c>
      <c r="F1486" s="14">
        <v>96</v>
      </c>
      <c r="G1486" s="15">
        <v>182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26</v>
      </c>
      <c r="E1487" s="14">
        <v>34</v>
      </c>
      <c r="F1487" s="14">
        <v>44</v>
      </c>
      <c r="G1487" s="15">
        <v>78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66</v>
      </c>
      <c r="E1488" s="14">
        <v>94</v>
      </c>
      <c r="F1488" s="14">
        <v>87</v>
      </c>
      <c r="G1488" s="15">
        <v>181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7</v>
      </c>
      <c r="E1489" s="14">
        <v>81</v>
      </c>
      <c r="F1489" s="14">
        <v>107</v>
      </c>
      <c r="G1489" s="15">
        <v>188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1715</v>
      </c>
      <c r="E1490" s="14">
        <v>2387</v>
      </c>
      <c r="F1490" s="14">
        <v>2504</v>
      </c>
      <c r="G1490" s="15">
        <v>4891</v>
      </c>
    </row>
    <row r="1491" spans="1:7" x14ac:dyDescent="0.2">
      <c r="A1491" s="18">
        <v>499</v>
      </c>
      <c r="B1491" s="19" t="s">
        <v>1549</v>
      </c>
      <c r="C1491" s="12" t="s">
        <v>1549</v>
      </c>
      <c r="D1491" s="13">
        <v>15883</v>
      </c>
      <c r="E1491" s="14">
        <v>20240</v>
      </c>
      <c r="F1491" s="14">
        <v>21087</v>
      </c>
      <c r="G1491" s="15">
        <v>41327</v>
      </c>
    </row>
    <row r="1492" spans="1:7" x14ac:dyDescent="0.2">
      <c r="A1492" s="18">
        <v>501</v>
      </c>
      <c r="B1492" s="19" t="s">
        <v>1550</v>
      </c>
      <c r="C1492" s="12" t="s">
        <v>1551</v>
      </c>
      <c r="D1492" s="13">
        <v>4</v>
      </c>
      <c r="E1492" s="14">
        <v>4</v>
      </c>
      <c r="F1492" s="14">
        <v>7</v>
      </c>
      <c r="G1492" s="15">
        <v>11</v>
      </c>
    </row>
    <row r="1493" spans="1:7" x14ac:dyDescent="0.2">
      <c r="A1493" s="18" t="s">
        <v>10</v>
      </c>
      <c r="B1493" s="19" t="s">
        <v>10</v>
      </c>
      <c r="C1493" s="12" t="s">
        <v>1552</v>
      </c>
      <c r="D1493" s="13">
        <v>4</v>
      </c>
      <c r="E1493" s="14">
        <v>4</v>
      </c>
      <c r="F1493" s="14">
        <v>7</v>
      </c>
      <c r="G1493" s="15">
        <v>11</v>
      </c>
    </row>
    <row r="1494" spans="1:7" x14ac:dyDescent="0.2">
      <c r="A1494" s="18">
        <v>502</v>
      </c>
      <c r="B1494" s="19" t="s">
        <v>1553</v>
      </c>
      <c r="C1494" s="12" t="s">
        <v>1554</v>
      </c>
      <c r="D1494" s="13">
        <v>21</v>
      </c>
      <c r="E1494" s="14">
        <v>27</v>
      </c>
      <c r="F1494" s="14">
        <v>28</v>
      </c>
      <c r="G1494" s="15">
        <v>55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6</v>
      </c>
      <c r="E1495" s="14">
        <v>18</v>
      </c>
      <c r="F1495" s="14">
        <v>20</v>
      </c>
      <c r="G1495" s="15">
        <v>38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8</v>
      </c>
      <c r="E1496" s="14">
        <v>11</v>
      </c>
      <c r="F1496" s="14">
        <v>10</v>
      </c>
      <c r="G1496" s="15">
        <v>21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14</v>
      </c>
      <c r="E1497" s="14">
        <v>17</v>
      </c>
      <c r="F1497" s="14">
        <v>19</v>
      </c>
      <c r="G1497" s="15">
        <v>36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</v>
      </c>
      <c r="E1498" s="14">
        <v>6</v>
      </c>
      <c r="F1498" s="14">
        <v>5</v>
      </c>
      <c r="G1498" s="15">
        <v>11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4</v>
      </c>
      <c r="E1499" s="14">
        <v>58</v>
      </c>
      <c r="F1499" s="14">
        <v>77</v>
      </c>
      <c r="G1499" s="15">
        <v>135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55</v>
      </c>
      <c r="E1500" s="14">
        <v>93</v>
      </c>
      <c r="F1500" s="14">
        <v>104</v>
      </c>
      <c r="G1500" s="15">
        <v>197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46</v>
      </c>
      <c r="E1501" s="14">
        <v>62</v>
      </c>
      <c r="F1501" s="14">
        <v>68</v>
      </c>
      <c r="G1501" s="15">
        <v>130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18</v>
      </c>
      <c r="E1502" s="14">
        <v>20</v>
      </c>
      <c r="F1502" s="14">
        <v>20</v>
      </c>
      <c r="G1502" s="15">
        <v>40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17</v>
      </c>
      <c r="E1503" s="14">
        <v>31</v>
      </c>
      <c r="F1503" s="14">
        <v>30</v>
      </c>
      <c r="G1503" s="15">
        <v>61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29</v>
      </c>
      <c r="E1504" s="14">
        <v>29</v>
      </c>
      <c r="F1504" s="14">
        <v>33</v>
      </c>
      <c r="G1504" s="15">
        <v>62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27</v>
      </c>
      <c r="E1505" s="14">
        <v>39</v>
      </c>
      <c r="F1505" s="14">
        <v>35</v>
      </c>
      <c r="G1505" s="15">
        <v>74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15</v>
      </c>
      <c r="E1506" s="14">
        <v>18</v>
      </c>
      <c r="F1506" s="14">
        <v>21</v>
      </c>
      <c r="G1506" s="15">
        <v>39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314</v>
      </c>
      <c r="E1507" s="14">
        <v>429</v>
      </c>
      <c r="F1507" s="14">
        <v>470</v>
      </c>
      <c r="G1507" s="15">
        <v>899</v>
      </c>
    </row>
    <row r="1508" spans="1:7" x14ac:dyDescent="0.2">
      <c r="A1508" s="18">
        <v>503</v>
      </c>
      <c r="B1508" s="19" t="s">
        <v>1568</v>
      </c>
      <c r="C1508" s="12" t="s">
        <v>1569</v>
      </c>
      <c r="D1508" s="13">
        <v>16</v>
      </c>
      <c r="E1508" s="14">
        <v>20</v>
      </c>
      <c r="F1508" s="14">
        <v>18</v>
      </c>
      <c r="G1508" s="15">
        <v>38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8</v>
      </c>
      <c r="E1509" s="14">
        <v>13</v>
      </c>
      <c r="F1509" s="14">
        <v>6</v>
      </c>
      <c r="G1509" s="15">
        <v>19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27</v>
      </c>
      <c r="E1510" s="14">
        <v>39</v>
      </c>
      <c r="F1510" s="14">
        <v>40</v>
      </c>
      <c r="G1510" s="15">
        <v>79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9</v>
      </c>
      <c r="E1511" s="14">
        <v>13</v>
      </c>
      <c r="F1511" s="14">
        <v>17</v>
      </c>
      <c r="G1511" s="15">
        <v>30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60</v>
      </c>
      <c r="E1512" s="14">
        <v>85</v>
      </c>
      <c r="F1512" s="14">
        <v>81</v>
      </c>
      <c r="G1512" s="15">
        <v>166</v>
      </c>
    </row>
    <row r="1513" spans="1:7" x14ac:dyDescent="0.2">
      <c r="A1513" s="18">
        <v>504</v>
      </c>
      <c r="B1513" s="19" t="s">
        <v>1574</v>
      </c>
      <c r="C1513" s="12" t="s">
        <v>1575</v>
      </c>
      <c r="D1513" s="13">
        <v>27</v>
      </c>
      <c r="E1513" s="14">
        <v>44</v>
      </c>
      <c r="F1513" s="14">
        <v>57</v>
      </c>
      <c r="G1513" s="15">
        <v>101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26</v>
      </c>
      <c r="E1514" s="14">
        <v>42</v>
      </c>
      <c r="F1514" s="14">
        <v>42</v>
      </c>
      <c r="G1514" s="15">
        <v>84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14</v>
      </c>
      <c r="E1515" s="14">
        <v>22</v>
      </c>
      <c r="F1515" s="14">
        <v>15</v>
      </c>
      <c r="G1515" s="15">
        <v>37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59</v>
      </c>
      <c r="E1516" s="14">
        <v>35</v>
      </c>
      <c r="F1516" s="14">
        <v>24</v>
      </c>
      <c r="G1516" s="15">
        <v>59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126</v>
      </c>
      <c r="E1517" s="14">
        <v>143</v>
      </c>
      <c r="F1517" s="14">
        <v>138</v>
      </c>
      <c r="G1517" s="15">
        <v>281</v>
      </c>
    </row>
    <row r="1518" spans="1:7" x14ac:dyDescent="0.2">
      <c r="A1518" s="18">
        <v>599</v>
      </c>
      <c r="B1518" s="19" t="s">
        <v>1580</v>
      </c>
      <c r="C1518" s="12" t="s">
        <v>1580</v>
      </c>
      <c r="D1518" s="13">
        <v>504</v>
      </c>
      <c r="E1518" s="14">
        <v>661</v>
      </c>
      <c r="F1518" s="14">
        <v>696</v>
      </c>
      <c r="G1518" s="15">
        <v>1357</v>
      </c>
    </row>
    <row r="1519" spans="1:7" x14ac:dyDescent="0.2">
      <c r="A1519" s="18">
        <v>601</v>
      </c>
      <c r="B1519" s="19" t="s">
        <v>1581</v>
      </c>
      <c r="C1519" s="12" t="s">
        <v>1582</v>
      </c>
      <c r="D1519" s="13">
        <v>23</v>
      </c>
      <c r="E1519" s="14">
        <v>30</v>
      </c>
      <c r="F1519" s="14">
        <v>24</v>
      </c>
      <c r="G1519" s="15">
        <v>54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32</v>
      </c>
      <c r="E1520" s="14">
        <v>47</v>
      </c>
      <c r="F1520" s="14">
        <v>29</v>
      </c>
      <c r="G1520" s="15">
        <v>76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179</v>
      </c>
      <c r="E1521" s="14">
        <v>224</v>
      </c>
      <c r="F1521" s="14">
        <v>254</v>
      </c>
      <c r="G1521" s="15">
        <v>478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16</v>
      </c>
      <c r="E1522" s="14">
        <v>17</v>
      </c>
      <c r="F1522" s="14">
        <v>17</v>
      </c>
      <c r="G1522" s="15">
        <v>34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75</v>
      </c>
      <c r="E1523" s="14">
        <v>63</v>
      </c>
      <c r="F1523" s="14">
        <v>88</v>
      </c>
      <c r="G1523" s="15">
        <v>151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24</v>
      </c>
      <c r="E1524" s="14">
        <v>40</v>
      </c>
      <c r="F1524" s="14">
        <v>30</v>
      </c>
      <c r="G1524" s="15">
        <v>70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41</v>
      </c>
      <c r="E1525" s="14">
        <v>44</v>
      </c>
      <c r="F1525" s="14">
        <v>50</v>
      </c>
      <c r="G1525" s="15">
        <v>94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390</v>
      </c>
      <c r="E1526" s="14">
        <v>465</v>
      </c>
      <c r="F1526" s="14">
        <v>492</v>
      </c>
      <c r="G1526" s="15">
        <v>957</v>
      </c>
    </row>
    <row r="1527" spans="1:7" x14ac:dyDescent="0.2">
      <c r="A1527" s="18">
        <v>602</v>
      </c>
      <c r="B1527" s="19" t="s">
        <v>1590</v>
      </c>
      <c r="C1527" s="12" t="s">
        <v>1591</v>
      </c>
      <c r="D1527" s="13">
        <v>26</v>
      </c>
      <c r="E1527" s="14">
        <v>32</v>
      </c>
      <c r="F1527" s="14">
        <v>34</v>
      </c>
      <c r="G1527" s="15">
        <v>66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80</v>
      </c>
      <c r="E1528" s="14">
        <v>80</v>
      </c>
      <c r="F1528" s="14">
        <v>96</v>
      </c>
      <c r="G1528" s="15">
        <v>176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3</v>
      </c>
      <c r="E1529" s="14">
        <v>13</v>
      </c>
      <c r="F1529" s="14">
        <v>14</v>
      </c>
      <c r="G1529" s="15">
        <v>27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19</v>
      </c>
      <c r="E1530" s="14">
        <v>125</v>
      </c>
      <c r="F1530" s="14">
        <v>144</v>
      </c>
      <c r="G1530" s="15">
        <v>269</v>
      </c>
    </row>
    <row r="1531" spans="1:7" x14ac:dyDescent="0.2">
      <c r="A1531" s="18">
        <v>699</v>
      </c>
      <c r="B1531" s="19" t="s">
        <v>1595</v>
      </c>
      <c r="C1531" s="12" t="s">
        <v>1595</v>
      </c>
      <c r="D1531" s="13">
        <v>509</v>
      </c>
      <c r="E1531" s="14">
        <v>590</v>
      </c>
      <c r="F1531" s="14">
        <v>636</v>
      </c>
      <c r="G1531" s="15">
        <v>1226</v>
      </c>
    </row>
    <row r="1532" spans="1:7" x14ac:dyDescent="0.2">
      <c r="A1532" s="22">
        <v>9999</v>
      </c>
      <c r="B1532" s="23" t="s">
        <v>1596</v>
      </c>
      <c r="C1532" s="24" t="s">
        <v>1597</v>
      </c>
      <c r="D1532" s="25">
        <v>181942</v>
      </c>
      <c r="E1532" s="26">
        <v>201299</v>
      </c>
      <c r="F1532" s="26">
        <v>211602</v>
      </c>
      <c r="G1532" s="27">
        <v>412901</v>
      </c>
    </row>
    <row r="1533" spans="1:7" x14ac:dyDescent="0.2">
      <c r="A1533" s="28"/>
      <c r="B1533" s="28"/>
      <c r="C1533" s="29"/>
      <c r="D1533" s="30"/>
      <c r="E1533" s="30"/>
      <c r="F1533" s="30"/>
      <c r="G1533" s="30"/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2T02:35:36Z</dcterms:created>
  <dcterms:modified xsi:type="dcterms:W3CDTF">2021-04-02T02:35:37Z</dcterms:modified>
</cp:coreProperties>
</file>